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drawings/drawing2.xml" ContentType="application/vnd.openxmlformats-officedocument.drawing+xml"/>
  <Override PartName="/xl/charts/chart2.xml" ContentType="application/vnd.openxmlformats-officedocument.drawingml.chart+xml"/>
  <Override PartName="/xl/charts/style2.xml" ContentType="application/vnd.ms-office.chartstyle+xml"/>
  <Override PartName="/xl/charts/colors2.xml" ContentType="application/vnd.ms-office.chartcolorstyle+xml"/>
  <Override PartName="/xl/drawings/drawing3.xml" ContentType="application/vnd.openxmlformats-officedocument.drawing+xml"/>
  <Override PartName="/xl/charts/chart3.xml" ContentType="application/vnd.openxmlformats-officedocument.drawingml.chart+xml"/>
  <Override PartName="/xl/charts/style3.xml" ContentType="application/vnd.ms-office.chartstyle+xml"/>
  <Override PartName="/xl/charts/colors3.xml" ContentType="application/vnd.ms-office.chartcolorstyle+xml"/>
  <Override PartName="/xl/charts/chart4.xml" ContentType="application/vnd.openxmlformats-officedocument.drawingml.chart+xml"/>
  <Override PartName="/xl/charts/style4.xml" ContentType="application/vnd.ms-office.chartstyle+xml"/>
  <Override PartName="/xl/charts/colors4.xml" ContentType="application/vnd.ms-office.chartcolorsty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425"/>
  <workbookPr filterPrivacy="1"/>
  <xr:revisionPtr revIDLastSave="0" documentId="13_ncr:1_{AA87CB79-6E67-445B-B9E7-AB89742DDEF1}" xr6:coauthVersionLast="47" xr6:coauthVersionMax="47" xr10:uidLastSave="{00000000-0000-0000-0000-000000000000}"/>
  <bookViews>
    <workbookView xWindow="-108" yWindow="-108" windowWidth="23256" windowHeight="12576" xr2:uid="{01B1E72B-5336-4561-ACF1-819786852B9B}"/>
  </bookViews>
  <sheets>
    <sheet name="sheet1" sheetId="4" r:id="rId1"/>
    <sheet name="Sheet3" sheetId="5" r:id="rId2"/>
    <sheet name="Sheet4" sheetId="6" r:id="rId3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200" uniqueCount="1000">
  <si>
    <t>[0]</t>
  </si>
  <si>
    <t>[1]</t>
  </si>
  <si>
    <t>[2]</t>
  </si>
  <si>
    <t>[3]</t>
  </si>
  <si>
    <t>[4]</t>
  </si>
  <si>
    <t>[5]</t>
  </si>
  <si>
    <t>[6]</t>
  </si>
  <si>
    <t>[7]</t>
  </si>
  <si>
    <t>[8]</t>
  </si>
  <si>
    <t>[9]</t>
  </si>
  <si>
    <t>[10]</t>
  </si>
  <si>
    <t>[11]</t>
  </si>
  <si>
    <t>[12]</t>
  </si>
  <si>
    <t>[13]</t>
  </si>
  <si>
    <t>[14]</t>
  </si>
  <si>
    <t>[15]</t>
  </si>
  <si>
    <t>[16]</t>
  </si>
  <si>
    <t>[17]</t>
  </si>
  <si>
    <t>[18]</t>
  </si>
  <si>
    <t>[19]</t>
  </si>
  <si>
    <t>[20]</t>
  </si>
  <si>
    <t>[21]</t>
  </si>
  <si>
    <t>[22]</t>
  </si>
  <si>
    <t>[23]</t>
  </si>
  <si>
    <t>[24]</t>
  </si>
  <si>
    <t>[25]</t>
  </si>
  <si>
    <t>[26]</t>
  </si>
  <si>
    <t>[27]</t>
  </si>
  <si>
    <t>[28]</t>
  </si>
  <si>
    <t>[29]</t>
  </si>
  <si>
    <t>[30]</t>
  </si>
  <si>
    <t>[31]</t>
  </si>
  <si>
    <t>[32]</t>
  </si>
  <si>
    <t>[33]</t>
  </si>
  <si>
    <t>[34]</t>
  </si>
  <si>
    <t>[35]</t>
  </si>
  <si>
    <t>[36]</t>
  </si>
  <si>
    <t>[37]</t>
  </si>
  <si>
    <t>[38]</t>
  </si>
  <si>
    <t>[39]</t>
  </si>
  <si>
    <t>[40]</t>
  </si>
  <si>
    <t>[41]</t>
  </si>
  <si>
    <t>[42]</t>
  </si>
  <si>
    <t>[43]</t>
  </si>
  <si>
    <t>[44]</t>
  </si>
  <si>
    <t>[45]</t>
  </si>
  <si>
    <t>[46]</t>
  </si>
  <si>
    <t>[47]</t>
  </si>
  <si>
    <t>[48]</t>
  </si>
  <si>
    <t>[49]</t>
  </si>
  <si>
    <t>[50]</t>
  </si>
  <si>
    <t>[51]</t>
  </si>
  <si>
    <t>[52]</t>
  </si>
  <si>
    <t>[53]</t>
  </si>
  <si>
    <t>[54]</t>
  </si>
  <si>
    <t>[55]</t>
  </si>
  <si>
    <t>[56]</t>
  </si>
  <si>
    <t>[57]</t>
  </si>
  <si>
    <t>[58]</t>
  </si>
  <si>
    <t>[59]</t>
  </si>
  <si>
    <t>[60]</t>
  </si>
  <si>
    <t>[61]</t>
  </si>
  <si>
    <t>[62]</t>
  </si>
  <si>
    <t>[63]</t>
  </si>
  <si>
    <t>[64]</t>
  </si>
  <si>
    <t>[65]</t>
  </si>
  <si>
    <t>[66]</t>
  </si>
  <si>
    <t>[67]</t>
  </si>
  <si>
    <t>[68]</t>
  </si>
  <si>
    <t>[69]</t>
  </si>
  <si>
    <t>[70]</t>
  </si>
  <si>
    <t>[71]</t>
  </si>
  <si>
    <t>[72]</t>
  </si>
  <si>
    <t>[73]</t>
  </si>
  <si>
    <t>[74]</t>
  </si>
  <si>
    <t>[75]</t>
  </si>
  <si>
    <t>[76]</t>
  </si>
  <si>
    <t>[77]</t>
  </si>
  <si>
    <t>[78]</t>
  </si>
  <si>
    <t>[79]</t>
  </si>
  <si>
    <t>[80]</t>
  </si>
  <si>
    <t>[81]</t>
  </si>
  <si>
    <t>[82]</t>
  </si>
  <si>
    <t>[83]</t>
  </si>
  <si>
    <t>[84]</t>
  </si>
  <si>
    <t>[85]</t>
  </si>
  <si>
    <t>[86]</t>
  </si>
  <si>
    <t>[87]</t>
  </si>
  <si>
    <t>[88]</t>
  </si>
  <si>
    <t>[89]</t>
  </si>
  <si>
    <t>[90]</t>
  </si>
  <si>
    <t>[91]</t>
  </si>
  <si>
    <t>[92]</t>
  </si>
  <si>
    <t>[93]</t>
  </si>
  <si>
    <t>[94]</t>
  </si>
  <si>
    <t>[95]</t>
  </si>
  <si>
    <t>[96]</t>
  </si>
  <si>
    <t>[97]</t>
  </si>
  <si>
    <t>[98]</t>
  </si>
  <si>
    <t>[99]</t>
  </si>
  <si>
    <t>[100]</t>
  </si>
  <si>
    <t>[101]</t>
  </si>
  <si>
    <t>[102]</t>
  </si>
  <si>
    <t>[103]</t>
  </si>
  <si>
    <t>[104]</t>
  </si>
  <si>
    <t>[105]</t>
  </si>
  <si>
    <t>[106]</t>
  </si>
  <si>
    <t>[107]</t>
  </si>
  <si>
    <t>[108]</t>
  </si>
  <si>
    <t>[109]</t>
  </si>
  <si>
    <t>[110]</t>
  </si>
  <si>
    <t>[111]</t>
  </si>
  <si>
    <t>[112]</t>
  </si>
  <si>
    <t>[113]</t>
  </si>
  <si>
    <t>[114]</t>
  </si>
  <si>
    <t>[115]</t>
  </si>
  <si>
    <t>[116]</t>
  </si>
  <si>
    <t>[117]</t>
  </si>
  <si>
    <t>[118]</t>
  </si>
  <si>
    <t>[119]</t>
  </si>
  <si>
    <t>[120]</t>
  </si>
  <si>
    <t>[121]</t>
  </si>
  <si>
    <t>[122]</t>
  </si>
  <si>
    <t>[123]</t>
  </si>
  <si>
    <t>[124]</t>
  </si>
  <si>
    <t>[125]</t>
  </si>
  <si>
    <t>[126]</t>
  </si>
  <si>
    <t>[127]</t>
  </si>
  <si>
    <t>[128]</t>
  </si>
  <si>
    <t>[129]</t>
  </si>
  <si>
    <t>[130]</t>
  </si>
  <si>
    <t>[131]</t>
  </si>
  <si>
    <t>[132]</t>
  </si>
  <si>
    <t>[133]</t>
  </si>
  <si>
    <t>[134]</t>
  </si>
  <si>
    <t>[135]</t>
  </si>
  <si>
    <t>[136]</t>
  </si>
  <si>
    <t>[137]</t>
  </si>
  <si>
    <t>[138]</t>
  </si>
  <si>
    <t>[139]</t>
  </si>
  <si>
    <t>[140]</t>
  </si>
  <si>
    <t>[141]</t>
  </si>
  <si>
    <t>[142]</t>
  </si>
  <si>
    <t>[143]</t>
  </si>
  <si>
    <t>[144]</t>
  </si>
  <si>
    <t>[145]</t>
  </si>
  <si>
    <t>[146]</t>
  </si>
  <si>
    <t>[147]</t>
  </si>
  <si>
    <t>[148]</t>
  </si>
  <si>
    <t>[149]</t>
  </si>
  <si>
    <t>[150]</t>
  </si>
  <si>
    <t>[151]</t>
  </si>
  <si>
    <t>[152]</t>
  </si>
  <si>
    <t>[153]</t>
  </si>
  <si>
    <t>[154]</t>
  </si>
  <si>
    <t>[155]</t>
  </si>
  <si>
    <t>[156]</t>
  </si>
  <si>
    <t>[157]</t>
  </si>
  <si>
    <t>[158]</t>
  </si>
  <si>
    <t>[159]</t>
  </si>
  <si>
    <t>[160]</t>
  </si>
  <si>
    <t>[161]</t>
  </si>
  <si>
    <t>[162]</t>
  </si>
  <si>
    <t>[163]</t>
  </si>
  <si>
    <t>[164]</t>
  </si>
  <si>
    <t>[165]</t>
  </si>
  <si>
    <t>[166]</t>
  </si>
  <si>
    <t>[167]</t>
  </si>
  <si>
    <t>[168]</t>
  </si>
  <si>
    <t>[169]</t>
  </si>
  <si>
    <t>[170]</t>
  </si>
  <si>
    <t>[171]</t>
  </si>
  <si>
    <t>[172]</t>
  </si>
  <si>
    <t>[173]</t>
  </si>
  <si>
    <t>[174]</t>
  </si>
  <si>
    <t>[175]</t>
  </si>
  <si>
    <t>[176]</t>
  </si>
  <si>
    <t>[177]</t>
  </si>
  <si>
    <t>[178]</t>
  </si>
  <si>
    <t>[179]</t>
  </si>
  <si>
    <t>[180]</t>
  </si>
  <si>
    <t>[181]</t>
  </si>
  <si>
    <t>[182]</t>
  </si>
  <si>
    <t>[183]</t>
  </si>
  <si>
    <t>[184]</t>
  </si>
  <si>
    <t>[185]</t>
  </si>
  <si>
    <t>[186]</t>
  </si>
  <si>
    <t>[187]</t>
  </si>
  <si>
    <t>[188]</t>
  </si>
  <si>
    <t>[189]</t>
  </si>
  <si>
    <t>[190]</t>
  </si>
  <si>
    <t>[191]</t>
  </si>
  <si>
    <t>[192]</t>
  </si>
  <si>
    <t>[193]</t>
  </si>
  <si>
    <t>[194]</t>
  </si>
  <si>
    <t>[195]</t>
  </si>
  <si>
    <t>[196]</t>
  </si>
  <si>
    <t>[197]</t>
  </si>
  <si>
    <t>[198]</t>
  </si>
  <si>
    <t>[199]</t>
  </si>
  <si>
    <t>[200]</t>
  </si>
  <si>
    <t>[201]</t>
  </si>
  <si>
    <t>[202]</t>
  </si>
  <si>
    <t>[203]</t>
  </si>
  <si>
    <t>[204]</t>
  </si>
  <si>
    <t>[205]</t>
  </si>
  <si>
    <t>[206]</t>
  </si>
  <si>
    <t>[207]</t>
  </si>
  <si>
    <t>[208]</t>
  </si>
  <si>
    <t>[209]</t>
  </si>
  <si>
    <t>[210]</t>
  </si>
  <si>
    <t>[211]</t>
  </si>
  <si>
    <t>[212]</t>
  </si>
  <si>
    <t>[213]</t>
  </si>
  <si>
    <t>[214]</t>
  </si>
  <si>
    <t>[215]</t>
  </si>
  <si>
    <t>[216]</t>
  </si>
  <si>
    <t>[217]</t>
  </si>
  <si>
    <t>[218]</t>
  </si>
  <si>
    <t>[219]</t>
  </si>
  <si>
    <t>[220]</t>
  </si>
  <si>
    <t>[221]</t>
  </si>
  <si>
    <t>[222]</t>
  </si>
  <si>
    <t>[223]</t>
  </si>
  <si>
    <t>[224]</t>
  </si>
  <si>
    <t>[225]</t>
  </si>
  <si>
    <t>[226]</t>
  </si>
  <si>
    <t>[227]</t>
  </si>
  <si>
    <t>[228]</t>
  </si>
  <si>
    <t>[229]</t>
  </si>
  <si>
    <t>[230]</t>
  </si>
  <si>
    <t>[231]</t>
  </si>
  <si>
    <t>[232]</t>
  </si>
  <si>
    <t>[233]</t>
  </si>
  <si>
    <t>[234]</t>
  </si>
  <si>
    <t>[235]</t>
  </si>
  <si>
    <t>[236]</t>
  </si>
  <si>
    <t>[237]</t>
  </si>
  <si>
    <t>[238]</t>
  </si>
  <si>
    <t>[239]</t>
  </si>
  <si>
    <t>[240]</t>
  </si>
  <si>
    <t>[241]</t>
  </si>
  <si>
    <t>[242]</t>
  </si>
  <si>
    <t>[243]</t>
  </si>
  <si>
    <t>[244]</t>
  </si>
  <si>
    <t>[245]</t>
  </si>
  <si>
    <t>[246]</t>
  </si>
  <si>
    <t>[247]</t>
  </si>
  <si>
    <t>[248]</t>
  </si>
  <si>
    <t>[249]</t>
  </si>
  <si>
    <t>[250]</t>
  </si>
  <si>
    <t>[251]</t>
  </si>
  <si>
    <t>[252]</t>
  </si>
  <si>
    <t>[253]</t>
  </si>
  <si>
    <t>[254]</t>
  </si>
  <si>
    <t>[255]</t>
  </si>
  <si>
    <t>[256]</t>
  </si>
  <si>
    <t>[257]</t>
  </si>
  <si>
    <t>[258]</t>
  </si>
  <si>
    <t>[259]</t>
  </si>
  <si>
    <t>[260]</t>
  </si>
  <si>
    <t>[261]</t>
  </si>
  <si>
    <t>[262]</t>
  </si>
  <si>
    <t>[263]</t>
  </si>
  <si>
    <t>[264]</t>
  </si>
  <si>
    <t>[265]</t>
  </si>
  <si>
    <t>[266]</t>
  </si>
  <si>
    <t>[267]</t>
  </si>
  <si>
    <t>[268]</t>
  </si>
  <si>
    <t>[269]</t>
  </si>
  <si>
    <t>[270]</t>
  </si>
  <si>
    <t>[271]</t>
  </si>
  <si>
    <t>[272]</t>
  </si>
  <si>
    <t>[273]</t>
  </si>
  <si>
    <t>[274]</t>
  </si>
  <si>
    <t>[275]</t>
  </si>
  <si>
    <t>[276]</t>
  </si>
  <si>
    <t>[277]</t>
  </si>
  <si>
    <t>[278]</t>
  </si>
  <si>
    <t>[279]</t>
  </si>
  <si>
    <t>[280]</t>
  </si>
  <si>
    <t>[281]</t>
  </si>
  <si>
    <t>[282]</t>
  </si>
  <si>
    <t>[283]</t>
  </si>
  <si>
    <t>[284]</t>
  </si>
  <si>
    <t>[285]</t>
  </si>
  <si>
    <t>[286]</t>
  </si>
  <si>
    <t>[287]</t>
  </si>
  <si>
    <t>[288]</t>
  </si>
  <si>
    <t>[289]</t>
  </si>
  <si>
    <t>[290]</t>
  </si>
  <si>
    <t>[291]</t>
  </si>
  <si>
    <t>[292]</t>
  </si>
  <si>
    <t>[293]</t>
  </si>
  <si>
    <t>[294]</t>
  </si>
  <si>
    <t>[295]</t>
  </si>
  <si>
    <t>[296]</t>
  </si>
  <si>
    <t>[297]</t>
  </si>
  <si>
    <t>[298]</t>
  </si>
  <si>
    <t>[299]</t>
  </si>
  <si>
    <t>[300]</t>
  </si>
  <si>
    <t>[301]</t>
  </si>
  <si>
    <t>[302]</t>
  </si>
  <si>
    <t>[303]</t>
  </si>
  <si>
    <t>[304]</t>
  </si>
  <si>
    <t>[305]</t>
  </si>
  <si>
    <t>[306]</t>
  </si>
  <si>
    <t>[307]</t>
  </si>
  <si>
    <t>[308]</t>
  </si>
  <si>
    <t>[309]</t>
  </si>
  <si>
    <t>[310]</t>
  </si>
  <si>
    <t>[311]</t>
  </si>
  <si>
    <t>[312]</t>
  </si>
  <si>
    <t>[313]</t>
  </si>
  <si>
    <t>[314]</t>
  </si>
  <si>
    <t>[315]</t>
  </si>
  <si>
    <t>[316]</t>
  </si>
  <si>
    <t>[317]</t>
  </si>
  <si>
    <t>[318]</t>
  </si>
  <si>
    <t>[319]</t>
  </si>
  <si>
    <t>[320]</t>
  </si>
  <si>
    <t>[321]</t>
  </si>
  <si>
    <t>[322]</t>
  </si>
  <si>
    <t>[323]</t>
  </si>
  <si>
    <t>[324]</t>
  </si>
  <si>
    <t>[325]</t>
  </si>
  <si>
    <t>[326]</t>
  </si>
  <si>
    <t>[327]</t>
  </si>
  <si>
    <t>[328]</t>
  </si>
  <si>
    <t>[329]</t>
  </si>
  <si>
    <t>[330]</t>
  </si>
  <si>
    <t>[331]</t>
  </si>
  <si>
    <t>[332]</t>
  </si>
  <si>
    <t>[333]</t>
  </si>
  <si>
    <t>[334]</t>
  </si>
  <si>
    <t>[335]</t>
  </si>
  <si>
    <t>[336]</t>
  </si>
  <si>
    <t>[337]</t>
  </si>
  <si>
    <t>[338]</t>
  </si>
  <si>
    <t>[339]</t>
  </si>
  <si>
    <t>[340]</t>
  </si>
  <si>
    <t>[341]</t>
  </si>
  <si>
    <t>[342]</t>
  </si>
  <si>
    <t>[343]</t>
  </si>
  <si>
    <t>[344]</t>
  </si>
  <si>
    <t>[345]</t>
  </si>
  <si>
    <t>[346]</t>
  </si>
  <si>
    <t>[347]</t>
  </si>
  <si>
    <t>[348]</t>
  </si>
  <si>
    <t>[349]</t>
  </si>
  <si>
    <t>[350]</t>
  </si>
  <si>
    <t>[351]</t>
  </si>
  <si>
    <t>[352]</t>
  </si>
  <si>
    <t>[353]</t>
  </si>
  <si>
    <t>[354]</t>
  </si>
  <si>
    <t>[355]</t>
  </si>
  <si>
    <t>[356]</t>
  </si>
  <si>
    <t>[357]</t>
  </si>
  <si>
    <t>[358]</t>
  </si>
  <si>
    <t>[359]</t>
  </si>
  <si>
    <t>[360]</t>
  </si>
  <si>
    <t>[361]</t>
  </si>
  <si>
    <t>[362]</t>
  </si>
  <si>
    <t>[363]</t>
  </si>
  <si>
    <t>[364]</t>
  </si>
  <si>
    <t>[365]</t>
  </si>
  <si>
    <t>[366]</t>
  </si>
  <si>
    <t>[367]</t>
  </si>
  <si>
    <t>[368]</t>
  </si>
  <si>
    <t>[369]</t>
  </si>
  <si>
    <t>[370]</t>
  </si>
  <si>
    <t>[371]</t>
  </si>
  <si>
    <t>[372]</t>
  </si>
  <si>
    <t>[373]</t>
  </si>
  <si>
    <t>[374]</t>
  </si>
  <si>
    <t>[375]</t>
  </si>
  <si>
    <t>[376]</t>
  </si>
  <si>
    <t>[377]</t>
  </si>
  <si>
    <t>[378]</t>
  </si>
  <si>
    <t>[379]</t>
  </si>
  <si>
    <t>[380]</t>
  </si>
  <si>
    <t>[381]</t>
  </si>
  <si>
    <t>[382]</t>
  </si>
  <si>
    <t>[383]</t>
  </si>
  <si>
    <t>[384]</t>
  </si>
  <si>
    <t>[385]</t>
  </si>
  <si>
    <t>[386]</t>
  </si>
  <si>
    <t>[387]</t>
  </si>
  <si>
    <t>[388]</t>
  </si>
  <si>
    <t>[389]</t>
  </si>
  <si>
    <t>[390]</t>
  </si>
  <si>
    <t>[391]</t>
  </si>
  <si>
    <t>[392]</t>
  </si>
  <si>
    <t>[393]</t>
  </si>
  <si>
    <t>[394]</t>
  </si>
  <si>
    <t>[395]</t>
  </si>
  <si>
    <t>[396]</t>
  </si>
  <si>
    <t>[397]</t>
  </si>
  <si>
    <t>[398]</t>
  </si>
  <si>
    <t>[399]</t>
  </si>
  <si>
    <t>[400]</t>
  </si>
  <si>
    <t>[401]</t>
  </si>
  <si>
    <t>[402]</t>
  </si>
  <si>
    <t>[403]</t>
  </si>
  <si>
    <t>[404]</t>
  </si>
  <si>
    <t>[405]</t>
  </si>
  <si>
    <t>[406]</t>
  </si>
  <si>
    <t>[407]</t>
  </si>
  <si>
    <t>[408]</t>
  </si>
  <si>
    <t>[409]</t>
  </si>
  <si>
    <t>[410]</t>
  </si>
  <si>
    <t>[411]</t>
  </si>
  <si>
    <t>[412]</t>
  </si>
  <si>
    <t>[413]</t>
  </si>
  <si>
    <t>[414]</t>
  </si>
  <si>
    <t>[415]</t>
  </si>
  <si>
    <t>[416]</t>
  </si>
  <si>
    <t>[417]</t>
  </si>
  <si>
    <t>[418]</t>
  </si>
  <si>
    <t>[419]</t>
  </si>
  <si>
    <t>[420]</t>
  </si>
  <si>
    <t>[421]</t>
  </si>
  <si>
    <t>[422]</t>
  </si>
  <si>
    <t>[423]</t>
  </si>
  <si>
    <t>[424]</t>
  </si>
  <si>
    <t>[425]</t>
  </si>
  <si>
    <t>[426]</t>
  </si>
  <si>
    <t>[427]</t>
  </si>
  <si>
    <t>[428]</t>
  </si>
  <si>
    <t>[429]</t>
  </si>
  <si>
    <t>[430]</t>
  </si>
  <si>
    <t>[431]</t>
  </si>
  <si>
    <t>[432]</t>
  </si>
  <si>
    <t>[433]</t>
  </si>
  <si>
    <t>[434]</t>
  </si>
  <si>
    <t>[435]</t>
  </si>
  <si>
    <t>[436]</t>
  </si>
  <si>
    <t>[437]</t>
  </si>
  <si>
    <t>[438]</t>
  </si>
  <si>
    <t>[439]</t>
  </si>
  <si>
    <t>[440]</t>
  </si>
  <si>
    <t>[441]</t>
  </si>
  <si>
    <t>[442]</t>
  </si>
  <si>
    <t>[443]</t>
  </si>
  <si>
    <t>[444]</t>
  </si>
  <si>
    <t>[445]</t>
  </si>
  <si>
    <t>[446]</t>
  </si>
  <si>
    <t>[447]</t>
  </si>
  <si>
    <t>[448]</t>
  </si>
  <si>
    <t>[449]</t>
  </si>
  <si>
    <t>[450]</t>
  </si>
  <si>
    <t>[451]</t>
  </si>
  <si>
    <t>[452]</t>
  </si>
  <si>
    <t>[453]</t>
  </si>
  <si>
    <t>[454]</t>
  </si>
  <si>
    <t>[455]</t>
  </si>
  <si>
    <t>[456]</t>
  </si>
  <si>
    <t>[457]</t>
  </si>
  <si>
    <t>[458]</t>
  </si>
  <si>
    <t>[459]</t>
  </si>
  <si>
    <t>[460]</t>
  </si>
  <si>
    <t>[461]</t>
  </si>
  <si>
    <t>[462]</t>
  </si>
  <si>
    <t>[463]</t>
  </si>
  <si>
    <t>[464]</t>
  </si>
  <si>
    <t>[465]</t>
  </si>
  <si>
    <t>[466]</t>
  </si>
  <si>
    <t>[467]</t>
  </si>
  <si>
    <t>[468]</t>
  </si>
  <si>
    <t>[469]</t>
  </si>
  <si>
    <t>[470]</t>
  </si>
  <si>
    <t>[471]</t>
  </si>
  <si>
    <t>[472]</t>
  </si>
  <si>
    <t>[473]</t>
  </si>
  <si>
    <t>[474]</t>
  </si>
  <si>
    <t>[475]</t>
  </si>
  <si>
    <t>[476]</t>
  </si>
  <si>
    <t>[477]</t>
  </si>
  <si>
    <t>[478]</t>
  </si>
  <si>
    <t>[479]</t>
  </si>
  <si>
    <t>[480]</t>
  </si>
  <si>
    <t>[481]</t>
  </si>
  <si>
    <t>[482]</t>
  </si>
  <si>
    <t>[483]</t>
  </si>
  <si>
    <t>[484]</t>
  </si>
  <si>
    <t>[485]</t>
  </si>
  <si>
    <t>[486]</t>
  </si>
  <si>
    <t>[487]</t>
  </si>
  <si>
    <t>[488]</t>
  </si>
  <si>
    <t>[489]</t>
  </si>
  <si>
    <t>[490]</t>
  </si>
  <si>
    <t>[491]</t>
  </si>
  <si>
    <t>[492]</t>
  </si>
  <si>
    <t>[493]</t>
  </si>
  <si>
    <t>[494]</t>
  </si>
  <si>
    <t>[495]</t>
  </si>
  <si>
    <t>[496]</t>
  </si>
  <si>
    <t>[497]</t>
  </si>
  <si>
    <t>[498]</t>
  </si>
  <si>
    <t>[499]</t>
  </si>
  <si>
    <t>[500]</t>
  </si>
  <si>
    <t>[501]</t>
  </si>
  <si>
    <t>[502]</t>
  </si>
  <si>
    <t>[503]</t>
  </si>
  <si>
    <t>[504]</t>
  </si>
  <si>
    <t>[505]</t>
  </si>
  <si>
    <t>[506]</t>
  </si>
  <si>
    <t>[507]</t>
  </si>
  <si>
    <t>[508]</t>
  </si>
  <si>
    <t>[509]</t>
  </si>
  <si>
    <t>[510]</t>
  </si>
  <si>
    <t>[511]</t>
  </si>
  <si>
    <t>[512]</t>
  </si>
  <si>
    <t>[513]</t>
  </si>
  <si>
    <t>[514]</t>
  </si>
  <si>
    <t>[515]</t>
  </si>
  <si>
    <t>[516]</t>
  </si>
  <si>
    <t>[517]</t>
  </si>
  <si>
    <t>[518]</t>
  </si>
  <si>
    <t>[519]</t>
  </si>
  <si>
    <t>[520]</t>
  </si>
  <si>
    <t>[521]</t>
  </si>
  <si>
    <t>[522]</t>
  </si>
  <si>
    <t>[523]</t>
  </si>
  <si>
    <t>[524]</t>
  </si>
  <si>
    <t>[525]</t>
  </si>
  <si>
    <t>[526]</t>
  </si>
  <si>
    <t>[527]</t>
  </si>
  <si>
    <t>[528]</t>
  </si>
  <si>
    <t>[529]</t>
  </si>
  <si>
    <t>[530]</t>
  </si>
  <si>
    <t>[531]</t>
  </si>
  <si>
    <t>[532]</t>
  </si>
  <si>
    <t>[533]</t>
  </si>
  <si>
    <t>[534]</t>
  </si>
  <si>
    <t>[535]</t>
  </si>
  <si>
    <t>[536]</t>
  </si>
  <si>
    <t>[537]</t>
  </si>
  <si>
    <t>[538]</t>
  </si>
  <si>
    <t>[539]</t>
  </si>
  <si>
    <t>[540]</t>
  </si>
  <si>
    <t>[541]</t>
  </si>
  <si>
    <t>[542]</t>
  </si>
  <si>
    <t>[543]</t>
  </si>
  <si>
    <t>[544]</t>
  </si>
  <si>
    <t>[545]</t>
  </si>
  <si>
    <t>[546]</t>
  </si>
  <si>
    <t>[547]</t>
  </si>
  <si>
    <t>[548]</t>
  </si>
  <si>
    <t>[549]</t>
  </si>
  <si>
    <t>[550]</t>
  </si>
  <si>
    <t>[551]</t>
  </si>
  <si>
    <t>[552]</t>
  </si>
  <si>
    <t>[553]</t>
  </si>
  <si>
    <t>[554]</t>
  </si>
  <si>
    <t>[555]</t>
  </si>
  <si>
    <t>[556]</t>
  </si>
  <si>
    <t>[557]</t>
  </si>
  <si>
    <t>[558]</t>
  </si>
  <si>
    <t>[559]</t>
  </si>
  <si>
    <t>[560]</t>
  </si>
  <si>
    <t>[561]</t>
  </si>
  <si>
    <t>[562]</t>
  </si>
  <si>
    <t>[563]</t>
  </si>
  <si>
    <t>[564]</t>
  </si>
  <si>
    <t>[565]</t>
  </si>
  <si>
    <t>[566]</t>
  </si>
  <si>
    <t>[567]</t>
  </si>
  <si>
    <t>[568]</t>
  </si>
  <si>
    <t>[569]</t>
  </si>
  <si>
    <t>[570]</t>
  </si>
  <si>
    <t>[571]</t>
  </si>
  <si>
    <t>[572]</t>
  </si>
  <si>
    <t>[573]</t>
  </si>
  <si>
    <t>[574]</t>
  </si>
  <si>
    <t>[575]</t>
  </si>
  <si>
    <t>[576]</t>
  </si>
  <si>
    <t>[577]</t>
  </si>
  <si>
    <t>[578]</t>
  </si>
  <si>
    <t>[579]</t>
  </si>
  <si>
    <t>[580]</t>
  </si>
  <si>
    <t>[581]</t>
  </si>
  <si>
    <t>[582]</t>
  </si>
  <si>
    <t>[583]</t>
  </si>
  <si>
    <t>[584]</t>
  </si>
  <si>
    <t>[585]</t>
  </si>
  <si>
    <t>[586]</t>
  </si>
  <si>
    <t>[587]</t>
  </si>
  <si>
    <t>[588]</t>
  </si>
  <si>
    <t>[589]</t>
  </si>
  <si>
    <t>[590]</t>
  </si>
  <si>
    <t>[591]</t>
  </si>
  <si>
    <t>[592]</t>
  </si>
  <si>
    <t>[593]</t>
  </si>
  <si>
    <t>[594]</t>
  </si>
  <si>
    <t>[595]</t>
  </si>
  <si>
    <t>[596]</t>
  </si>
  <si>
    <t>[597]</t>
  </si>
  <si>
    <t>[598]</t>
  </si>
  <si>
    <t>[599]</t>
  </si>
  <si>
    <t>[600]</t>
  </si>
  <si>
    <t>[601]</t>
  </si>
  <si>
    <t>[602]</t>
  </si>
  <si>
    <t>[603]</t>
  </si>
  <si>
    <t>[604]</t>
  </si>
  <si>
    <t>[605]</t>
  </si>
  <si>
    <t>[606]</t>
  </si>
  <si>
    <t>[607]</t>
  </si>
  <si>
    <t>[608]</t>
  </si>
  <si>
    <t>[609]</t>
  </si>
  <si>
    <t>[610]</t>
  </si>
  <si>
    <t>[611]</t>
  </si>
  <si>
    <t>[612]</t>
  </si>
  <si>
    <t>[613]</t>
  </si>
  <si>
    <t>[614]</t>
  </si>
  <si>
    <t>[615]</t>
  </si>
  <si>
    <t>[616]</t>
  </si>
  <si>
    <t>[617]</t>
  </si>
  <si>
    <t>[618]</t>
  </si>
  <si>
    <t>[619]</t>
  </si>
  <si>
    <t>[620]</t>
  </si>
  <si>
    <t>[621]</t>
  </si>
  <si>
    <t>[622]</t>
  </si>
  <si>
    <t>[623]</t>
  </si>
  <si>
    <t>[624]</t>
  </si>
  <si>
    <t>[625]</t>
  </si>
  <si>
    <t>[626]</t>
  </si>
  <si>
    <t>[627]</t>
  </si>
  <si>
    <t>[628]</t>
  </si>
  <si>
    <t>[629]</t>
  </si>
  <si>
    <t>[630]</t>
  </si>
  <si>
    <t>[631]</t>
  </si>
  <si>
    <t>[632]</t>
  </si>
  <si>
    <t>[633]</t>
  </si>
  <si>
    <t>[634]</t>
  </si>
  <si>
    <t>[635]</t>
  </si>
  <si>
    <t>[636]</t>
  </si>
  <si>
    <t>[637]</t>
  </si>
  <si>
    <t>[638]</t>
  </si>
  <si>
    <t>[639]</t>
  </si>
  <si>
    <t>[640]</t>
  </si>
  <si>
    <t>[641]</t>
  </si>
  <si>
    <t>[642]</t>
  </si>
  <si>
    <t>[643]</t>
  </si>
  <si>
    <t>[644]</t>
  </si>
  <si>
    <t>[645]</t>
  </si>
  <si>
    <t>[646]</t>
  </si>
  <si>
    <t>[647]</t>
  </si>
  <si>
    <t>[648]</t>
  </si>
  <si>
    <t>[649]</t>
  </si>
  <si>
    <t>[650]</t>
  </si>
  <si>
    <t>[651]</t>
  </si>
  <si>
    <t>[652]</t>
  </si>
  <si>
    <t>[653]</t>
  </si>
  <si>
    <t>[654]</t>
  </si>
  <si>
    <t>[655]</t>
  </si>
  <si>
    <t>[656]</t>
  </si>
  <si>
    <t>[657]</t>
  </si>
  <si>
    <t>[658]</t>
  </si>
  <si>
    <t>[659]</t>
  </si>
  <si>
    <t>[660]</t>
  </si>
  <si>
    <t>[661]</t>
  </si>
  <si>
    <t>[662]</t>
  </si>
  <si>
    <t>[663]</t>
  </si>
  <si>
    <t>[664]</t>
  </si>
  <si>
    <t>[665]</t>
  </si>
  <si>
    <t>[666]</t>
  </si>
  <si>
    <t>[667]</t>
  </si>
  <si>
    <t>[668]</t>
  </si>
  <si>
    <t>[669]</t>
  </si>
  <si>
    <t>[670]</t>
  </si>
  <si>
    <t>[671]</t>
  </si>
  <si>
    <t>[672]</t>
  </si>
  <si>
    <t>[673]</t>
  </si>
  <si>
    <t>[674]</t>
  </si>
  <si>
    <t>[675]</t>
  </si>
  <si>
    <t>[676]</t>
  </si>
  <si>
    <t>[677]</t>
  </si>
  <si>
    <t>[678]</t>
  </si>
  <si>
    <t>[679]</t>
  </si>
  <si>
    <t>[680]</t>
  </si>
  <si>
    <t>[681]</t>
  </si>
  <si>
    <t>[682]</t>
  </si>
  <si>
    <t>[683]</t>
  </si>
  <si>
    <t>[684]</t>
  </si>
  <si>
    <t>[685]</t>
  </si>
  <si>
    <t>[686]</t>
  </si>
  <si>
    <t>[687]</t>
  </si>
  <si>
    <t>[688]</t>
  </si>
  <si>
    <t>[689]</t>
  </si>
  <si>
    <t>[690]</t>
  </si>
  <si>
    <t>[691]</t>
  </si>
  <si>
    <t>[692]</t>
  </si>
  <si>
    <t>[693]</t>
  </si>
  <si>
    <t>[694]</t>
  </si>
  <si>
    <t>[695]</t>
  </si>
  <si>
    <t>[696]</t>
  </si>
  <si>
    <t>[697]</t>
  </si>
  <si>
    <t>[698]</t>
  </si>
  <si>
    <t>[699]</t>
  </si>
  <si>
    <t>[700]</t>
  </si>
  <si>
    <t>[701]</t>
  </si>
  <si>
    <t>[702]</t>
  </si>
  <si>
    <t>[703]</t>
  </si>
  <si>
    <t>[704]</t>
  </si>
  <si>
    <t>[705]</t>
  </si>
  <si>
    <t>[706]</t>
  </si>
  <si>
    <t>[707]</t>
  </si>
  <si>
    <t>[708]</t>
  </si>
  <si>
    <t>[709]</t>
  </si>
  <si>
    <t>[710]</t>
  </si>
  <si>
    <t>[711]</t>
  </si>
  <si>
    <t>[712]</t>
  </si>
  <si>
    <t>[713]</t>
  </si>
  <si>
    <t>[714]</t>
  </si>
  <si>
    <t>[715]</t>
  </si>
  <si>
    <t>[716]</t>
  </si>
  <si>
    <t>[717]</t>
  </si>
  <si>
    <t>[718]</t>
  </si>
  <si>
    <t>[719]</t>
  </si>
  <si>
    <t>[720]</t>
  </si>
  <si>
    <t>[721]</t>
  </si>
  <si>
    <t>[722]</t>
  </si>
  <si>
    <t>[723]</t>
  </si>
  <si>
    <t>[724]</t>
  </si>
  <si>
    <t>[725]</t>
  </si>
  <si>
    <t>[726]</t>
  </si>
  <si>
    <t>[727]</t>
  </si>
  <si>
    <t>[728]</t>
  </si>
  <si>
    <t>[729]</t>
  </si>
  <si>
    <t>[730]</t>
  </si>
  <si>
    <t>[731]</t>
  </si>
  <si>
    <t>[732]</t>
  </si>
  <si>
    <t>[733]</t>
  </si>
  <si>
    <t>[734]</t>
  </si>
  <si>
    <t>[735]</t>
  </si>
  <si>
    <t>[736]</t>
  </si>
  <si>
    <t>[737]</t>
  </si>
  <si>
    <t>[738]</t>
  </si>
  <si>
    <t>[739]</t>
  </si>
  <si>
    <t>[740]</t>
  </si>
  <si>
    <t>[741]</t>
  </si>
  <si>
    <t>[742]</t>
  </si>
  <si>
    <t>[743]</t>
  </si>
  <si>
    <t>[744]</t>
  </si>
  <si>
    <t>[745]</t>
  </si>
  <si>
    <t>[746]</t>
  </si>
  <si>
    <t>[747]</t>
  </si>
  <si>
    <t>[748]</t>
  </si>
  <si>
    <t>[749]</t>
  </si>
  <si>
    <t>[750]</t>
  </si>
  <si>
    <t>[751]</t>
  </si>
  <si>
    <t>[752]</t>
  </si>
  <si>
    <t>[753]</t>
  </si>
  <si>
    <t>[754]</t>
  </si>
  <si>
    <t>[755]</t>
  </si>
  <si>
    <t>[756]</t>
  </si>
  <si>
    <t>[757]</t>
  </si>
  <si>
    <t>[758]</t>
  </si>
  <si>
    <t>[759]</t>
  </si>
  <si>
    <t>[760]</t>
  </si>
  <si>
    <t>[761]</t>
  </si>
  <si>
    <t>[762]</t>
  </si>
  <si>
    <t>[763]</t>
  </si>
  <si>
    <t>[764]</t>
  </si>
  <si>
    <t>[765]</t>
  </si>
  <si>
    <t>[766]</t>
  </si>
  <si>
    <t>[767]</t>
  </si>
  <si>
    <t>[768]</t>
  </si>
  <si>
    <t>[769]</t>
  </si>
  <si>
    <t>[770]</t>
  </si>
  <si>
    <t>[771]</t>
  </si>
  <si>
    <t>[772]</t>
  </si>
  <si>
    <t>[773]</t>
  </si>
  <si>
    <t>[774]</t>
  </si>
  <si>
    <t>[775]</t>
  </si>
  <si>
    <t>[776]</t>
  </si>
  <si>
    <t>[777]</t>
  </si>
  <si>
    <t>[778]</t>
  </si>
  <si>
    <t>[779]</t>
  </si>
  <si>
    <t>[780]</t>
  </si>
  <si>
    <t>[781]</t>
  </si>
  <si>
    <t>[782]</t>
  </si>
  <si>
    <t>[783]</t>
  </si>
  <si>
    <t>[784]</t>
  </si>
  <si>
    <t>[785]</t>
  </si>
  <si>
    <t>[786]</t>
  </si>
  <si>
    <t>[787]</t>
  </si>
  <si>
    <t>[788]</t>
  </si>
  <si>
    <t>[789]</t>
  </si>
  <si>
    <t>[790]</t>
  </si>
  <si>
    <t>[791]</t>
  </si>
  <si>
    <t>[792]</t>
  </si>
  <si>
    <t>[793]</t>
  </si>
  <si>
    <t>[794]</t>
  </si>
  <si>
    <t>[795]</t>
  </si>
  <si>
    <t>[796]</t>
  </si>
  <si>
    <t>[797]</t>
  </si>
  <si>
    <t>[798]</t>
  </si>
  <si>
    <t>[799]</t>
  </si>
  <si>
    <t>[800]</t>
  </si>
  <si>
    <t>[801]</t>
  </si>
  <si>
    <t>[802]</t>
  </si>
  <si>
    <t>[803]</t>
  </si>
  <si>
    <t>[804]</t>
  </si>
  <si>
    <t>[805]</t>
  </si>
  <si>
    <t>[806]</t>
  </si>
  <si>
    <t>[807]</t>
  </si>
  <si>
    <t>[808]</t>
  </si>
  <si>
    <t>[809]</t>
  </si>
  <si>
    <t>[810]</t>
  </si>
  <si>
    <t>[811]</t>
  </si>
  <si>
    <t>[812]</t>
  </si>
  <si>
    <t>[813]</t>
  </si>
  <si>
    <t>[814]</t>
  </si>
  <si>
    <t>[815]</t>
  </si>
  <si>
    <t>[816]</t>
  </si>
  <si>
    <t>[817]</t>
  </si>
  <si>
    <t>[818]</t>
  </si>
  <si>
    <t>[819]</t>
  </si>
  <si>
    <t>[820]</t>
  </si>
  <si>
    <t>[821]</t>
  </si>
  <si>
    <t>[822]</t>
  </si>
  <si>
    <t>[823]</t>
  </si>
  <si>
    <t>[824]</t>
  </si>
  <si>
    <t>[825]</t>
  </si>
  <si>
    <t>[826]</t>
  </si>
  <si>
    <t>[827]</t>
  </si>
  <si>
    <t>[828]</t>
  </si>
  <si>
    <t>[829]</t>
  </si>
  <si>
    <t>[830]</t>
  </si>
  <si>
    <t>[831]</t>
  </si>
  <si>
    <t>[832]</t>
  </si>
  <si>
    <t>[833]</t>
  </si>
  <si>
    <t>[834]</t>
  </si>
  <si>
    <t>[835]</t>
  </si>
  <si>
    <t>[836]</t>
  </si>
  <si>
    <t>[837]</t>
  </si>
  <si>
    <t>[838]</t>
  </si>
  <si>
    <t>[839]</t>
  </si>
  <si>
    <t>[840]</t>
  </si>
  <si>
    <t>[841]</t>
  </si>
  <si>
    <t>[842]</t>
  </si>
  <si>
    <t>[843]</t>
  </si>
  <si>
    <t>[844]</t>
  </si>
  <si>
    <t>[845]</t>
  </si>
  <si>
    <t>[846]</t>
  </si>
  <si>
    <t>[847]</t>
  </si>
  <si>
    <t>[848]</t>
  </si>
  <si>
    <t>[849]</t>
  </si>
  <si>
    <t>[850]</t>
  </si>
  <si>
    <t>[851]</t>
  </si>
  <si>
    <t>[852]</t>
  </si>
  <si>
    <t>[853]</t>
  </si>
  <si>
    <t>[854]</t>
  </si>
  <si>
    <t>[855]</t>
  </si>
  <si>
    <t>[856]</t>
  </si>
  <si>
    <t>[857]</t>
  </si>
  <si>
    <t>[858]</t>
  </si>
  <si>
    <t>[859]</t>
  </si>
  <si>
    <t>[860]</t>
  </si>
  <si>
    <t>[861]</t>
  </si>
  <si>
    <t>[862]</t>
  </si>
  <si>
    <t>[863]</t>
  </si>
  <si>
    <t>[864]</t>
  </si>
  <si>
    <t>[865]</t>
  </si>
  <si>
    <t>[866]</t>
  </si>
  <si>
    <t>[867]</t>
  </si>
  <si>
    <t>[868]</t>
  </si>
  <si>
    <t>[869]</t>
  </si>
  <si>
    <t>[870]</t>
  </si>
  <si>
    <t>[871]</t>
  </si>
  <si>
    <t>[872]</t>
  </si>
  <si>
    <t>[873]</t>
  </si>
  <si>
    <t>[874]</t>
  </si>
  <si>
    <t>[875]</t>
  </si>
  <si>
    <t>[876]</t>
  </si>
  <si>
    <t>[877]</t>
  </si>
  <si>
    <t>[878]</t>
  </si>
  <si>
    <t>[879]</t>
  </si>
  <si>
    <t>[880]</t>
  </si>
  <si>
    <t>[881]</t>
  </si>
  <si>
    <t>[882]</t>
  </si>
  <si>
    <t>[883]</t>
  </si>
  <si>
    <t>[884]</t>
  </si>
  <si>
    <t>[885]</t>
  </si>
  <si>
    <t>[886]</t>
  </si>
  <si>
    <t>[887]</t>
  </si>
  <si>
    <t>[888]</t>
  </si>
  <si>
    <t>[889]</t>
  </si>
  <si>
    <t>[890]</t>
  </si>
  <si>
    <t>[891]</t>
  </si>
  <si>
    <t>[892]</t>
  </si>
  <si>
    <t>[893]</t>
  </si>
  <si>
    <t>[894]</t>
  </si>
  <si>
    <t>[895]</t>
  </si>
  <si>
    <t>[896]</t>
  </si>
  <si>
    <t>[897]</t>
  </si>
  <si>
    <t>[898]</t>
  </si>
  <si>
    <t>[899]</t>
  </si>
  <si>
    <t>[900]</t>
  </si>
  <si>
    <t>[901]</t>
  </si>
  <si>
    <t>[902]</t>
  </si>
  <si>
    <t>[903]</t>
  </si>
  <si>
    <t>[904]</t>
  </si>
  <si>
    <t>[905]</t>
  </si>
  <si>
    <t>[906]</t>
  </si>
  <si>
    <t>[907]</t>
  </si>
  <si>
    <t>[908]</t>
  </si>
  <si>
    <t>[909]</t>
  </si>
  <si>
    <t>[910]</t>
  </si>
  <si>
    <t>[911]</t>
  </si>
  <si>
    <t>[912]</t>
  </si>
  <si>
    <t>[913]</t>
  </si>
  <si>
    <t>[914]</t>
  </si>
  <si>
    <t>[915]</t>
  </si>
  <si>
    <t>[916]</t>
  </si>
  <si>
    <t>[917]</t>
  </si>
  <si>
    <t>[918]</t>
  </si>
  <si>
    <t>[919]</t>
  </si>
  <si>
    <t>[920]</t>
  </si>
  <si>
    <t>[921]</t>
  </si>
  <si>
    <t>[922]</t>
  </si>
  <si>
    <t>[923]</t>
  </si>
  <si>
    <t>[924]</t>
  </si>
  <si>
    <t>[925]</t>
  </si>
  <si>
    <t>[926]</t>
  </si>
  <si>
    <t>[927]</t>
  </si>
  <si>
    <t>[928]</t>
  </si>
  <si>
    <t>[929]</t>
  </si>
  <si>
    <t>[930]</t>
  </si>
  <si>
    <t>[931]</t>
  </si>
  <si>
    <t>[932]</t>
  </si>
  <si>
    <t>[933]</t>
  </si>
  <si>
    <t>[934]</t>
  </si>
  <si>
    <t>[935]</t>
  </si>
  <si>
    <t>[936]</t>
  </si>
  <si>
    <t>[937]</t>
  </si>
  <si>
    <t>[938]</t>
  </si>
  <si>
    <t>[939]</t>
  </si>
  <si>
    <t>[940]</t>
  </si>
  <si>
    <t>[941]</t>
  </si>
  <si>
    <t>[942]</t>
  </si>
  <si>
    <t>[943]</t>
  </si>
  <si>
    <t>[944]</t>
  </si>
  <si>
    <t>[945]</t>
  </si>
  <si>
    <t>[946]</t>
  </si>
  <si>
    <t>[947]</t>
  </si>
  <si>
    <t>[948]</t>
  </si>
  <si>
    <t>[949]</t>
  </si>
  <si>
    <t>[950]</t>
  </si>
  <si>
    <t>[951]</t>
  </si>
  <si>
    <t>[952]</t>
  </si>
  <si>
    <t>[953]</t>
  </si>
  <si>
    <t>[954]</t>
  </si>
  <si>
    <t>[955]</t>
  </si>
  <si>
    <t>[956]</t>
  </si>
  <si>
    <t>[957]</t>
  </si>
  <si>
    <t>[958]</t>
  </si>
  <si>
    <t>[959]</t>
  </si>
  <si>
    <t>[960]</t>
  </si>
  <si>
    <t>[961]</t>
  </si>
  <si>
    <t>[962]</t>
  </si>
  <si>
    <t>[963]</t>
  </si>
  <si>
    <t>[964]</t>
  </si>
  <si>
    <t>[965]</t>
  </si>
  <si>
    <t>[966]</t>
  </si>
  <si>
    <t>[967]</t>
  </si>
  <si>
    <t>[968]</t>
  </si>
  <si>
    <t>[969]</t>
  </si>
  <si>
    <t>[970]</t>
  </si>
  <si>
    <t>[971]</t>
  </si>
  <si>
    <t>[972]</t>
  </si>
  <si>
    <t>[973]</t>
  </si>
  <si>
    <t>[974]</t>
  </si>
  <si>
    <t>[975]</t>
  </si>
  <si>
    <t>[976]</t>
  </si>
  <si>
    <t>[977]</t>
  </si>
  <si>
    <t>[978]</t>
  </si>
  <si>
    <t>[979]</t>
  </si>
  <si>
    <t>[980]</t>
  </si>
  <si>
    <t>[981]</t>
  </si>
  <si>
    <t>[982]</t>
  </si>
  <si>
    <t>[983]</t>
  </si>
  <si>
    <t>[984]</t>
  </si>
  <si>
    <t>[985]</t>
  </si>
  <si>
    <t>[986]</t>
  </si>
  <si>
    <t>[987]</t>
  </si>
  <si>
    <t>[988]</t>
  </si>
  <si>
    <t>[989]</t>
  </si>
  <si>
    <t>[990]</t>
  </si>
  <si>
    <t>[991]</t>
  </si>
  <si>
    <t>[992]</t>
  </si>
  <si>
    <t>[993]</t>
  </si>
  <si>
    <t>[994]</t>
  </si>
  <si>
    <t>[995]</t>
  </si>
  <si>
    <t>[996]</t>
  </si>
  <si>
    <t>[997]</t>
  </si>
  <si>
    <t>[998]</t>
  </si>
  <si>
    <t>[999]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42" formatCode="_(&quot;$&quot;* #,##0_);_(&quot;$&quot;* \(#,##0\);_(&quot;$&quot;* &quot;-&quot;_);_(@_)"/>
    <numFmt numFmtId="41" formatCode="_(* #,##0_);_(* \(#,##0\);_(* &quot;-&quot;_);_(@_)"/>
    <numFmt numFmtId="44" formatCode="_(&quot;$&quot;* #,##0.00_);_(&quot;$&quot;* \(#,##0.00\);_(&quot;$&quot;* &quot;-&quot;??_);_(@_)"/>
    <numFmt numFmtId="43" formatCode="_(* #,##0.00_);_(* \(#,##0.00\);_(* &quot;-&quot;??_);_(@_)"/>
  </numFmts>
  <fonts count="22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</fonts>
  <fills count="33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</fills>
  <borders count="13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</borders>
  <cellStyleXfs count="53">
    <xf numFmtId="0" fontId="0" fillId="0" borderId="0"/>
    <xf numFmtId="43" fontId="5" fillId="0" borderId="0" applyFont="0" applyFill="0" applyBorder="0" applyAlignment="0" applyProtection="0"/>
    <xf numFmtId="41" fontId="5" fillId="0" borderId="0" applyFont="0" applyFill="0" applyBorder="0" applyAlignment="0" applyProtection="0"/>
    <xf numFmtId="44" fontId="5" fillId="0" borderId="0" applyFont="0" applyFill="0" applyBorder="0" applyAlignment="0" applyProtection="0"/>
    <xf numFmtId="42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1">
    <xf numFmtId="0" fontId="0" fillId="0" borderId="0" xfId="0"/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2.xml"/><Relationship Id="rId3" Type="http://schemas.openxmlformats.org/officeDocument/2006/relationships/worksheet" Target="worksheets/sheet3.xml"/><Relationship Id="rId7" Type="http://schemas.openxmlformats.org/officeDocument/2006/relationships/customXml" Target="../customXml/item1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haredStrings" Target="sharedStrings.xml"/><Relationship Id="rId5" Type="http://schemas.openxmlformats.org/officeDocument/2006/relationships/styles" Target="styles.xml"/><Relationship Id="rId4" Type="http://schemas.openxmlformats.org/officeDocument/2006/relationships/theme" Target="theme/theme1.xml"/></Relationships>
</file>

<file path=xl/charts/_rels/chart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_rels/chart2.xml.rels><?xml version="1.0" encoding="UTF-8" standalone="yes"?>
<Relationships xmlns="http://schemas.openxmlformats.org/package/2006/relationships"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xl/charts/_rels/chart3.xml.rels><?xml version="1.0" encoding="UTF-8" standalone="yes"?>
<Relationships xmlns="http://schemas.openxmlformats.org/package/2006/relationships"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xl/charts/_rels/chart4.xml.rels><?xml version="1.0" encoding="UTF-8" standalone="yes"?>
<Relationships xmlns="http://schemas.openxmlformats.org/package/2006/relationships"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+/-0.2V Sine wave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val>
            <c:numRef>
              <c:f>sheet1!$B$1:$B$1000</c:f>
              <c:numCache>
                <c:formatCode>General</c:formatCode>
                <c:ptCount val="1000"/>
                <c:pt idx="0">
                  <c:v>6877</c:v>
                </c:pt>
                <c:pt idx="1">
                  <c:v>16004</c:v>
                </c:pt>
                <c:pt idx="2">
                  <c:v>16358</c:v>
                </c:pt>
                <c:pt idx="3">
                  <c:v>16818</c:v>
                </c:pt>
                <c:pt idx="4">
                  <c:v>17420</c:v>
                </c:pt>
                <c:pt idx="5">
                  <c:v>18070</c:v>
                </c:pt>
                <c:pt idx="6">
                  <c:v>18746</c:v>
                </c:pt>
                <c:pt idx="7">
                  <c:v>19490</c:v>
                </c:pt>
                <c:pt idx="8">
                  <c:v>20322</c:v>
                </c:pt>
                <c:pt idx="9">
                  <c:v>21216</c:v>
                </c:pt>
                <c:pt idx="10">
                  <c:v>22145</c:v>
                </c:pt>
                <c:pt idx="11">
                  <c:v>23096</c:v>
                </c:pt>
                <c:pt idx="12">
                  <c:v>24079</c:v>
                </c:pt>
                <c:pt idx="13">
                  <c:v>25020</c:v>
                </c:pt>
                <c:pt idx="14">
                  <c:v>25789</c:v>
                </c:pt>
                <c:pt idx="15">
                  <c:v>26561</c:v>
                </c:pt>
                <c:pt idx="16">
                  <c:v>27403</c:v>
                </c:pt>
                <c:pt idx="17">
                  <c:v>28294</c:v>
                </c:pt>
                <c:pt idx="18">
                  <c:v>29387</c:v>
                </c:pt>
                <c:pt idx="19">
                  <c:v>30323</c:v>
                </c:pt>
                <c:pt idx="20">
                  <c:v>31153</c:v>
                </c:pt>
                <c:pt idx="21">
                  <c:v>31854</c:v>
                </c:pt>
                <c:pt idx="22">
                  <c:v>32469</c:v>
                </c:pt>
                <c:pt idx="23">
                  <c:v>32760</c:v>
                </c:pt>
                <c:pt idx="24">
                  <c:v>32767</c:v>
                </c:pt>
                <c:pt idx="25">
                  <c:v>32767</c:v>
                </c:pt>
                <c:pt idx="26">
                  <c:v>32767</c:v>
                </c:pt>
                <c:pt idx="27">
                  <c:v>32767</c:v>
                </c:pt>
                <c:pt idx="28">
                  <c:v>32767</c:v>
                </c:pt>
                <c:pt idx="29">
                  <c:v>32767</c:v>
                </c:pt>
                <c:pt idx="30">
                  <c:v>32767</c:v>
                </c:pt>
                <c:pt idx="31">
                  <c:v>32767</c:v>
                </c:pt>
                <c:pt idx="32">
                  <c:v>32767</c:v>
                </c:pt>
                <c:pt idx="33">
                  <c:v>32767</c:v>
                </c:pt>
                <c:pt idx="34">
                  <c:v>32767</c:v>
                </c:pt>
                <c:pt idx="35">
                  <c:v>32767</c:v>
                </c:pt>
                <c:pt idx="36">
                  <c:v>32767</c:v>
                </c:pt>
                <c:pt idx="37">
                  <c:v>32767</c:v>
                </c:pt>
                <c:pt idx="38">
                  <c:v>32767</c:v>
                </c:pt>
                <c:pt idx="39">
                  <c:v>32767</c:v>
                </c:pt>
                <c:pt idx="40">
                  <c:v>32767</c:v>
                </c:pt>
                <c:pt idx="41">
                  <c:v>32767</c:v>
                </c:pt>
                <c:pt idx="42">
                  <c:v>32767</c:v>
                </c:pt>
                <c:pt idx="43">
                  <c:v>32542</c:v>
                </c:pt>
                <c:pt idx="44">
                  <c:v>31202</c:v>
                </c:pt>
                <c:pt idx="45">
                  <c:v>30128</c:v>
                </c:pt>
                <c:pt idx="46">
                  <c:v>29246</c:v>
                </c:pt>
                <c:pt idx="47">
                  <c:v>28383</c:v>
                </c:pt>
                <c:pt idx="48">
                  <c:v>27420</c:v>
                </c:pt>
                <c:pt idx="49">
                  <c:v>26400</c:v>
                </c:pt>
                <c:pt idx="50">
                  <c:v>25366</c:v>
                </c:pt>
                <c:pt idx="51">
                  <c:v>24358</c:v>
                </c:pt>
                <c:pt idx="52">
                  <c:v>23261</c:v>
                </c:pt>
                <c:pt idx="53">
                  <c:v>22280</c:v>
                </c:pt>
                <c:pt idx="54">
                  <c:v>21387</c:v>
                </c:pt>
                <c:pt idx="55">
                  <c:v>20486</c:v>
                </c:pt>
                <c:pt idx="56">
                  <c:v>19632</c:v>
                </c:pt>
                <c:pt idx="57">
                  <c:v>18923</c:v>
                </c:pt>
                <c:pt idx="58">
                  <c:v>18210</c:v>
                </c:pt>
                <c:pt idx="59">
                  <c:v>17487</c:v>
                </c:pt>
                <c:pt idx="60">
                  <c:v>16835</c:v>
                </c:pt>
                <c:pt idx="61">
                  <c:v>16353</c:v>
                </c:pt>
                <c:pt idx="62">
                  <c:v>15992</c:v>
                </c:pt>
                <c:pt idx="63">
                  <c:v>15659</c:v>
                </c:pt>
                <c:pt idx="64">
                  <c:v>15408</c:v>
                </c:pt>
                <c:pt idx="65">
                  <c:v>15226</c:v>
                </c:pt>
                <c:pt idx="66">
                  <c:v>15261</c:v>
                </c:pt>
                <c:pt idx="67">
                  <c:v>15567</c:v>
                </c:pt>
                <c:pt idx="68">
                  <c:v>15886</c:v>
                </c:pt>
                <c:pt idx="69">
                  <c:v>16326</c:v>
                </c:pt>
                <c:pt idx="70">
                  <c:v>16876</c:v>
                </c:pt>
                <c:pt idx="71">
                  <c:v>17527</c:v>
                </c:pt>
                <c:pt idx="72">
                  <c:v>18171</c:v>
                </c:pt>
                <c:pt idx="73">
                  <c:v>18853</c:v>
                </c:pt>
                <c:pt idx="74">
                  <c:v>19642</c:v>
                </c:pt>
                <c:pt idx="75">
                  <c:v>20508</c:v>
                </c:pt>
                <c:pt idx="76">
                  <c:v>21417</c:v>
                </c:pt>
                <c:pt idx="77">
                  <c:v>22353</c:v>
                </c:pt>
                <c:pt idx="78">
                  <c:v>23323</c:v>
                </c:pt>
                <c:pt idx="79">
                  <c:v>24328</c:v>
                </c:pt>
                <c:pt idx="80">
                  <c:v>25215</c:v>
                </c:pt>
                <c:pt idx="81">
                  <c:v>25957</c:v>
                </c:pt>
                <c:pt idx="82">
                  <c:v>26730</c:v>
                </c:pt>
                <c:pt idx="83">
                  <c:v>27568</c:v>
                </c:pt>
                <c:pt idx="84">
                  <c:v>28442</c:v>
                </c:pt>
                <c:pt idx="85">
                  <c:v>29567</c:v>
                </c:pt>
                <c:pt idx="86">
                  <c:v>30422</c:v>
                </c:pt>
                <c:pt idx="87">
                  <c:v>31274</c:v>
                </c:pt>
                <c:pt idx="88">
                  <c:v>32003</c:v>
                </c:pt>
                <c:pt idx="89">
                  <c:v>32611</c:v>
                </c:pt>
                <c:pt idx="90">
                  <c:v>32767</c:v>
                </c:pt>
                <c:pt idx="91">
                  <c:v>32767</c:v>
                </c:pt>
                <c:pt idx="92">
                  <c:v>32767</c:v>
                </c:pt>
                <c:pt idx="93">
                  <c:v>32767</c:v>
                </c:pt>
                <c:pt idx="94">
                  <c:v>32767</c:v>
                </c:pt>
                <c:pt idx="95">
                  <c:v>32767</c:v>
                </c:pt>
                <c:pt idx="96">
                  <c:v>32767</c:v>
                </c:pt>
                <c:pt idx="97">
                  <c:v>32767</c:v>
                </c:pt>
                <c:pt idx="98">
                  <c:v>32767</c:v>
                </c:pt>
                <c:pt idx="99">
                  <c:v>32767</c:v>
                </c:pt>
                <c:pt idx="100">
                  <c:v>32767</c:v>
                </c:pt>
                <c:pt idx="101">
                  <c:v>32767</c:v>
                </c:pt>
                <c:pt idx="102">
                  <c:v>32767</c:v>
                </c:pt>
                <c:pt idx="103">
                  <c:v>32767</c:v>
                </c:pt>
                <c:pt idx="104">
                  <c:v>32767</c:v>
                </c:pt>
                <c:pt idx="105">
                  <c:v>32767</c:v>
                </c:pt>
                <c:pt idx="106">
                  <c:v>32767</c:v>
                </c:pt>
                <c:pt idx="107">
                  <c:v>32767</c:v>
                </c:pt>
                <c:pt idx="108">
                  <c:v>32767</c:v>
                </c:pt>
                <c:pt idx="109">
                  <c:v>32754</c:v>
                </c:pt>
                <c:pt idx="110">
                  <c:v>32029</c:v>
                </c:pt>
                <c:pt idx="111">
                  <c:v>30653</c:v>
                </c:pt>
                <c:pt idx="112">
                  <c:v>29734</c:v>
                </c:pt>
                <c:pt idx="113">
                  <c:v>28867</c:v>
                </c:pt>
                <c:pt idx="114">
                  <c:v>27974</c:v>
                </c:pt>
                <c:pt idx="115">
                  <c:v>26974</c:v>
                </c:pt>
                <c:pt idx="116">
                  <c:v>25919</c:v>
                </c:pt>
                <c:pt idx="117">
                  <c:v>24883</c:v>
                </c:pt>
                <c:pt idx="118">
                  <c:v>23867</c:v>
                </c:pt>
                <c:pt idx="119">
                  <c:v>22790</c:v>
                </c:pt>
                <c:pt idx="120">
                  <c:v>21845</c:v>
                </c:pt>
                <c:pt idx="121">
                  <c:v>20934</c:v>
                </c:pt>
                <c:pt idx="122">
                  <c:v>20038</c:v>
                </c:pt>
                <c:pt idx="123">
                  <c:v>19255</c:v>
                </c:pt>
                <c:pt idx="124">
                  <c:v>18547</c:v>
                </c:pt>
                <c:pt idx="125">
                  <c:v>17796</c:v>
                </c:pt>
                <c:pt idx="126">
                  <c:v>17098</c:v>
                </c:pt>
                <c:pt idx="127">
                  <c:v>16504</c:v>
                </c:pt>
                <c:pt idx="128">
                  <c:v>16032</c:v>
                </c:pt>
                <c:pt idx="129">
                  <c:v>15681</c:v>
                </c:pt>
                <c:pt idx="130">
                  <c:v>15420</c:v>
                </c:pt>
                <c:pt idx="131">
                  <c:v>15245</c:v>
                </c:pt>
                <c:pt idx="132">
                  <c:v>15104</c:v>
                </c:pt>
                <c:pt idx="133">
                  <c:v>15280</c:v>
                </c:pt>
                <c:pt idx="134">
                  <c:v>15604</c:v>
                </c:pt>
                <c:pt idx="135">
                  <c:v>15908</c:v>
                </c:pt>
                <c:pt idx="136">
                  <c:v>16363</c:v>
                </c:pt>
                <c:pt idx="137">
                  <c:v>16976</c:v>
                </c:pt>
                <c:pt idx="138">
                  <c:v>17640</c:v>
                </c:pt>
                <c:pt idx="139">
                  <c:v>18321</c:v>
                </c:pt>
                <c:pt idx="140">
                  <c:v>19041</c:v>
                </c:pt>
                <c:pt idx="141">
                  <c:v>19844</c:v>
                </c:pt>
                <c:pt idx="142">
                  <c:v>20746</c:v>
                </c:pt>
                <c:pt idx="143">
                  <c:v>21673</c:v>
                </c:pt>
                <c:pt idx="144">
                  <c:v>22622</c:v>
                </c:pt>
                <c:pt idx="145">
                  <c:v>23610</c:v>
                </c:pt>
                <c:pt idx="146">
                  <c:v>24579</c:v>
                </c:pt>
                <c:pt idx="147">
                  <c:v>25416</c:v>
                </c:pt>
                <c:pt idx="148">
                  <c:v>26177</c:v>
                </c:pt>
                <c:pt idx="149">
                  <c:v>26978</c:v>
                </c:pt>
                <c:pt idx="150">
                  <c:v>27824</c:v>
                </c:pt>
                <c:pt idx="151">
                  <c:v>28807</c:v>
                </c:pt>
                <c:pt idx="152">
                  <c:v>29885</c:v>
                </c:pt>
                <c:pt idx="153">
                  <c:v>30703</c:v>
                </c:pt>
                <c:pt idx="154">
                  <c:v>31515</c:v>
                </c:pt>
                <c:pt idx="155">
                  <c:v>32244</c:v>
                </c:pt>
                <c:pt idx="156">
                  <c:v>32724</c:v>
                </c:pt>
                <c:pt idx="157">
                  <c:v>32767</c:v>
                </c:pt>
                <c:pt idx="158">
                  <c:v>32767</c:v>
                </c:pt>
                <c:pt idx="159">
                  <c:v>32767</c:v>
                </c:pt>
                <c:pt idx="160">
                  <c:v>32767</c:v>
                </c:pt>
                <c:pt idx="161">
                  <c:v>32767</c:v>
                </c:pt>
                <c:pt idx="162">
                  <c:v>32767</c:v>
                </c:pt>
                <c:pt idx="163">
                  <c:v>32767</c:v>
                </c:pt>
                <c:pt idx="164">
                  <c:v>32767</c:v>
                </c:pt>
                <c:pt idx="165">
                  <c:v>32767</c:v>
                </c:pt>
                <c:pt idx="166">
                  <c:v>32767</c:v>
                </c:pt>
                <c:pt idx="167">
                  <c:v>32767</c:v>
                </c:pt>
                <c:pt idx="168">
                  <c:v>32767</c:v>
                </c:pt>
                <c:pt idx="169">
                  <c:v>32767</c:v>
                </c:pt>
                <c:pt idx="170">
                  <c:v>32767</c:v>
                </c:pt>
                <c:pt idx="171">
                  <c:v>32767</c:v>
                </c:pt>
                <c:pt idx="172">
                  <c:v>32767</c:v>
                </c:pt>
                <c:pt idx="173">
                  <c:v>32767</c:v>
                </c:pt>
                <c:pt idx="174">
                  <c:v>32767</c:v>
                </c:pt>
                <c:pt idx="175">
                  <c:v>32767</c:v>
                </c:pt>
                <c:pt idx="176">
                  <c:v>32702</c:v>
                </c:pt>
                <c:pt idx="177">
                  <c:v>31648</c:v>
                </c:pt>
                <c:pt idx="178">
                  <c:v>30314</c:v>
                </c:pt>
                <c:pt idx="179">
                  <c:v>29379</c:v>
                </c:pt>
                <c:pt idx="180">
                  <c:v>28473</c:v>
                </c:pt>
                <c:pt idx="181">
                  <c:v>27525</c:v>
                </c:pt>
                <c:pt idx="182">
                  <c:v>26511</c:v>
                </c:pt>
                <c:pt idx="183">
                  <c:v>25484</c:v>
                </c:pt>
                <c:pt idx="184">
                  <c:v>24483</c:v>
                </c:pt>
                <c:pt idx="185">
                  <c:v>23425</c:v>
                </c:pt>
                <c:pt idx="186">
                  <c:v>22389</c:v>
                </c:pt>
                <c:pt idx="187">
                  <c:v>21461</c:v>
                </c:pt>
                <c:pt idx="188">
                  <c:v>20550</c:v>
                </c:pt>
                <c:pt idx="189">
                  <c:v>19672</c:v>
                </c:pt>
                <c:pt idx="190">
                  <c:v>18938</c:v>
                </c:pt>
                <c:pt idx="191">
                  <c:v>18242</c:v>
                </c:pt>
                <c:pt idx="192">
                  <c:v>17499</c:v>
                </c:pt>
                <c:pt idx="193">
                  <c:v>16834</c:v>
                </c:pt>
                <c:pt idx="194">
                  <c:v>16274</c:v>
                </c:pt>
                <c:pt idx="195">
                  <c:v>15855</c:v>
                </c:pt>
                <c:pt idx="196">
                  <c:v>15560</c:v>
                </c:pt>
                <c:pt idx="197">
                  <c:v>15295</c:v>
                </c:pt>
                <c:pt idx="198">
                  <c:v>15102</c:v>
                </c:pt>
                <c:pt idx="199">
                  <c:v>15042</c:v>
                </c:pt>
                <c:pt idx="200">
                  <c:v>15298</c:v>
                </c:pt>
                <c:pt idx="201">
                  <c:v>15609</c:v>
                </c:pt>
                <c:pt idx="202">
                  <c:v>15973</c:v>
                </c:pt>
                <c:pt idx="203">
                  <c:v>16489</c:v>
                </c:pt>
                <c:pt idx="204">
                  <c:v>17100</c:v>
                </c:pt>
                <c:pt idx="205">
                  <c:v>17774</c:v>
                </c:pt>
                <c:pt idx="206">
                  <c:v>18464</c:v>
                </c:pt>
                <c:pt idx="207">
                  <c:v>19221</c:v>
                </c:pt>
                <c:pt idx="208">
                  <c:v>20099</c:v>
                </c:pt>
                <c:pt idx="209">
                  <c:v>20997</c:v>
                </c:pt>
                <c:pt idx="210">
                  <c:v>21931</c:v>
                </c:pt>
                <c:pt idx="211">
                  <c:v>22899</c:v>
                </c:pt>
                <c:pt idx="212">
                  <c:v>23896</c:v>
                </c:pt>
                <c:pt idx="213">
                  <c:v>24865</c:v>
                </c:pt>
                <c:pt idx="214">
                  <c:v>25632</c:v>
                </c:pt>
                <c:pt idx="215">
                  <c:v>26388</c:v>
                </c:pt>
                <c:pt idx="216">
                  <c:v>27208</c:v>
                </c:pt>
                <c:pt idx="217">
                  <c:v>28068</c:v>
                </c:pt>
                <c:pt idx="218">
                  <c:v>29148</c:v>
                </c:pt>
                <c:pt idx="219">
                  <c:v>30100</c:v>
                </c:pt>
                <c:pt idx="220">
                  <c:v>30969</c:v>
                </c:pt>
                <c:pt idx="221">
                  <c:v>31734</c:v>
                </c:pt>
                <c:pt idx="222">
                  <c:v>32356</c:v>
                </c:pt>
                <c:pt idx="223">
                  <c:v>32734</c:v>
                </c:pt>
                <c:pt idx="224">
                  <c:v>32767</c:v>
                </c:pt>
                <c:pt idx="225">
                  <c:v>32767</c:v>
                </c:pt>
                <c:pt idx="226">
                  <c:v>32767</c:v>
                </c:pt>
                <c:pt idx="227">
                  <c:v>32767</c:v>
                </c:pt>
                <c:pt idx="228">
                  <c:v>32767</c:v>
                </c:pt>
                <c:pt idx="229">
                  <c:v>32767</c:v>
                </c:pt>
                <c:pt idx="230">
                  <c:v>32767</c:v>
                </c:pt>
                <c:pt idx="231">
                  <c:v>32767</c:v>
                </c:pt>
                <c:pt idx="232">
                  <c:v>32767</c:v>
                </c:pt>
                <c:pt idx="233">
                  <c:v>32767</c:v>
                </c:pt>
                <c:pt idx="234">
                  <c:v>32767</c:v>
                </c:pt>
                <c:pt idx="235">
                  <c:v>32767</c:v>
                </c:pt>
                <c:pt idx="236">
                  <c:v>32767</c:v>
                </c:pt>
                <c:pt idx="237">
                  <c:v>32767</c:v>
                </c:pt>
                <c:pt idx="238">
                  <c:v>32767</c:v>
                </c:pt>
                <c:pt idx="239">
                  <c:v>32767</c:v>
                </c:pt>
                <c:pt idx="240">
                  <c:v>32767</c:v>
                </c:pt>
                <c:pt idx="241">
                  <c:v>32767</c:v>
                </c:pt>
                <c:pt idx="242">
                  <c:v>32767</c:v>
                </c:pt>
                <c:pt idx="243">
                  <c:v>32335</c:v>
                </c:pt>
                <c:pt idx="244">
                  <c:v>30920</c:v>
                </c:pt>
                <c:pt idx="245">
                  <c:v>29953</c:v>
                </c:pt>
                <c:pt idx="246">
                  <c:v>29039</c:v>
                </c:pt>
                <c:pt idx="247">
                  <c:v>28172</c:v>
                </c:pt>
                <c:pt idx="248">
                  <c:v>27226</c:v>
                </c:pt>
                <c:pt idx="249">
                  <c:v>26198</c:v>
                </c:pt>
                <c:pt idx="250">
                  <c:v>25156</c:v>
                </c:pt>
                <c:pt idx="251">
                  <c:v>24135</c:v>
                </c:pt>
                <c:pt idx="252">
                  <c:v>23042</c:v>
                </c:pt>
                <c:pt idx="253">
                  <c:v>22046</c:v>
                </c:pt>
                <c:pt idx="254">
                  <c:v>21127</c:v>
                </c:pt>
                <c:pt idx="255">
                  <c:v>20262</c:v>
                </c:pt>
                <c:pt idx="256">
                  <c:v>19443</c:v>
                </c:pt>
                <c:pt idx="257">
                  <c:v>18723</c:v>
                </c:pt>
                <c:pt idx="258">
                  <c:v>17991</c:v>
                </c:pt>
                <c:pt idx="259">
                  <c:v>17255</c:v>
                </c:pt>
                <c:pt idx="260">
                  <c:v>16624</c:v>
                </c:pt>
                <c:pt idx="261">
                  <c:v>16121</c:v>
                </c:pt>
                <c:pt idx="262">
                  <c:v>15765</c:v>
                </c:pt>
                <c:pt idx="263">
                  <c:v>15465</c:v>
                </c:pt>
                <c:pt idx="264">
                  <c:v>15225</c:v>
                </c:pt>
                <c:pt idx="265">
                  <c:v>15043</c:v>
                </c:pt>
                <c:pt idx="266">
                  <c:v>15086</c:v>
                </c:pt>
                <c:pt idx="267">
                  <c:v>15398</c:v>
                </c:pt>
                <c:pt idx="268">
                  <c:v>15735</c:v>
                </c:pt>
                <c:pt idx="269">
                  <c:v>16154</c:v>
                </c:pt>
                <c:pt idx="270">
                  <c:v>16714</c:v>
                </c:pt>
                <c:pt idx="271">
                  <c:v>17387</c:v>
                </c:pt>
                <c:pt idx="272">
                  <c:v>18063</c:v>
                </c:pt>
                <c:pt idx="273">
                  <c:v>18771</c:v>
                </c:pt>
                <c:pt idx="274">
                  <c:v>19574</c:v>
                </c:pt>
                <c:pt idx="275">
                  <c:v>20434</c:v>
                </c:pt>
                <c:pt idx="276">
                  <c:v>21344</c:v>
                </c:pt>
                <c:pt idx="277">
                  <c:v>22277</c:v>
                </c:pt>
                <c:pt idx="278">
                  <c:v>23249</c:v>
                </c:pt>
                <c:pt idx="279">
                  <c:v>24247</c:v>
                </c:pt>
                <c:pt idx="280">
                  <c:v>25152</c:v>
                </c:pt>
                <c:pt idx="281">
                  <c:v>25906</c:v>
                </c:pt>
                <c:pt idx="282">
                  <c:v>26675</c:v>
                </c:pt>
                <c:pt idx="283">
                  <c:v>27527</c:v>
                </c:pt>
                <c:pt idx="284">
                  <c:v>28418</c:v>
                </c:pt>
                <c:pt idx="285">
                  <c:v>29545</c:v>
                </c:pt>
                <c:pt idx="286">
                  <c:v>30384</c:v>
                </c:pt>
                <c:pt idx="287">
                  <c:v>31247</c:v>
                </c:pt>
                <c:pt idx="288">
                  <c:v>31968</c:v>
                </c:pt>
                <c:pt idx="289">
                  <c:v>32574</c:v>
                </c:pt>
                <c:pt idx="290">
                  <c:v>32767</c:v>
                </c:pt>
                <c:pt idx="291">
                  <c:v>32767</c:v>
                </c:pt>
                <c:pt idx="292">
                  <c:v>32767</c:v>
                </c:pt>
                <c:pt idx="293">
                  <c:v>32767</c:v>
                </c:pt>
                <c:pt idx="294">
                  <c:v>32767</c:v>
                </c:pt>
                <c:pt idx="295">
                  <c:v>32767</c:v>
                </c:pt>
                <c:pt idx="296">
                  <c:v>32767</c:v>
                </c:pt>
                <c:pt idx="297">
                  <c:v>32767</c:v>
                </c:pt>
                <c:pt idx="298">
                  <c:v>32767</c:v>
                </c:pt>
                <c:pt idx="299">
                  <c:v>32767</c:v>
                </c:pt>
                <c:pt idx="300">
                  <c:v>32767</c:v>
                </c:pt>
                <c:pt idx="301">
                  <c:v>32767</c:v>
                </c:pt>
                <c:pt idx="302">
                  <c:v>32767</c:v>
                </c:pt>
                <c:pt idx="303">
                  <c:v>32767</c:v>
                </c:pt>
                <c:pt idx="304">
                  <c:v>32767</c:v>
                </c:pt>
                <c:pt idx="305">
                  <c:v>32767</c:v>
                </c:pt>
                <c:pt idx="306">
                  <c:v>32767</c:v>
                </c:pt>
                <c:pt idx="307">
                  <c:v>32767</c:v>
                </c:pt>
                <c:pt idx="308">
                  <c:v>32767</c:v>
                </c:pt>
                <c:pt idx="309">
                  <c:v>32738</c:v>
                </c:pt>
                <c:pt idx="310">
                  <c:v>31889</c:v>
                </c:pt>
                <c:pt idx="311">
                  <c:v>30570</c:v>
                </c:pt>
                <c:pt idx="312">
                  <c:v>29665</c:v>
                </c:pt>
                <c:pt idx="313">
                  <c:v>28748</c:v>
                </c:pt>
                <c:pt idx="314">
                  <c:v>27836</c:v>
                </c:pt>
                <c:pt idx="315">
                  <c:v>26844</c:v>
                </c:pt>
                <c:pt idx="316">
                  <c:v>25847</c:v>
                </c:pt>
                <c:pt idx="317">
                  <c:v>24857</c:v>
                </c:pt>
                <c:pt idx="318">
                  <c:v>23879</c:v>
                </c:pt>
                <c:pt idx="319">
                  <c:v>22812</c:v>
                </c:pt>
                <c:pt idx="320">
                  <c:v>21843</c:v>
                </c:pt>
                <c:pt idx="321">
                  <c:v>20922</c:v>
                </c:pt>
                <c:pt idx="322">
                  <c:v>20034</c:v>
                </c:pt>
                <c:pt idx="323">
                  <c:v>19241</c:v>
                </c:pt>
                <c:pt idx="324">
                  <c:v>18531</c:v>
                </c:pt>
                <c:pt idx="325">
                  <c:v>17786</c:v>
                </c:pt>
                <c:pt idx="326">
                  <c:v>17090</c:v>
                </c:pt>
                <c:pt idx="327">
                  <c:v>16502</c:v>
                </c:pt>
                <c:pt idx="328">
                  <c:v>16047</c:v>
                </c:pt>
                <c:pt idx="329">
                  <c:v>15704</c:v>
                </c:pt>
                <c:pt idx="330">
                  <c:v>15445</c:v>
                </c:pt>
                <c:pt idx="331">
                  <c:v>15207</c:v>
                </c:pt>
                <c:pt idx="332">
                  <c:v>15068</c:v>
                </c:pt>
                <c:pt idx="333">
                  <c:v>15271</c:v>
                </c:pt>
                <c:pt idx="334">
                  <c:v>15595</c:v>
                </c:pt>
                <c:pt idx="335">
                  <c:v>15927</c:v>
                </c:pt>
                <c:pt idx="336">
                  <c:v>16401</c:v>
                </c:pt>
                <c:pt idx="337">
                  <c:v>17000</c:v>
                </c:pt>
                <c:pt idx="338">
                  <c:v>17652</c:v>
                </c:pt>
                <c:pt idx="339">
                  <c:v>18315</c:v>
                </c:pt>
                <c:pt idx="340">
                  <c:v>19061</c:v>
                </c:pt>
                <c:pt idx="341">
                  <c:v>19909</c:v>
                </c:pt>
                <c:pt idx="342">
                  <c:v>20829</c:v>
                </c:pt>
                <c:pt idx="343">
                  <c:v>21777</c:v>
                </c:pt>
                <c:pt idx="344">
                  <c:v>22734</c:v>
                </c:pt>
                <c:pt idx="345">
                  <c:v>23677</c:v>
                </c:pt>
                <c:pt idx="346">
                  <c:v>24665</c:v>
                </c:pt>
                <c:pt idx="347">
                  <c:v>25494</c:v>
                </c:pt>
                <c:pt idx="348">
                  <c:v>26211</c:v>
                </c:pt>
                <c:pt idx="349">
                  <c:v>27007</c:v>
                </c:pt>
                <c:pt idx="350">
                  <c:v>27854</c:v>
                </c:pt>
                <c:pt idx="351">
                  <c:v>28834</c:v>
                </c:pt>
                <c:pt idx="352">
                  <c:v>29890</c:v>
                </c:pt>
                <c:pt idx="353">
                  <c:v>30723</c:v>
                </c:pt>
                <c:pt idx="354">
                  <c:v>31552</c:v>
                </c:pt>
                <c:pt idx="355">
                  <c:v>32231</c:v>
                </c:pt>
                <c:pt idx="356">
                  <c:v>32709</c:v>
                </c:pt>
                <c:pt idx="357">
                  <c:v>32767</c:v>
                </c:pt>
                <c:pt idx="358">
                  <c:v>32767</c:v>
                </c:pt>
                <c:pt idx="359">
                  <c:v>32767</c:v>
                </c:pt>
                <c:pt idx="360">
                  <c:v>32767</c:v>
                </c:pt>
                <c:pt idx="361">
                  <c:v>32767</c:v>
                </c:pt>
                <c:pt idx="362">
                  <c:v>32767</c:v>
                </c:pt>
                <c:pt idx="363">
                  <c:v>32767</c:v>
                </c:pt>
                <c:pt idx="364">
                  <c:v>32767</c:v>
                </c:pt>
                <c:pt idx="365">
                  <c:v>32767</c:v>
                </c:pt>
                <c:pt idx="366">
                  <c:v>32767</c:v>
                </c:pt>
                <c:pt idx="367">
                  <c:v>32767</c:v>
                </c:pt>
                <c:pt idx="368">
                  <c:v>32767</c:v>
                </c:pt>
                <c:pt idx="369">
                  <c:v>32767</c:v>
                </c:pt>
                <c:pt idx="370">
                  <c:v>32767</c:v>
                </c:pt>
                <c:pt idx="371">
                  <c:v>32767</c:v>
                </c:pt>
                <c:pt idx="372">
                  <c:v>32767</c:v>
                </c:pt>
                <c:pt idx="373">
                  <c:v>32767</c:v>
                </c:pt>
                <c:pt idx="374">
                  <c:v>32767</c:v>
                </c:pt>
                <c:pt idx="375">
                  <c:v>32767</c:v>
                </c:pt>
                <c:pt idx="376">
                  <c:v>32676</c:v>
                </c:pt>
                <c:pt idx="377">
                  <c:v>31562</c:v>
                </c:pt>
                <c:pt idx="378">
                  <c:v>30343</c:v>
                </c:pt>
                <c:pt idx="379">
                  <c:v>29439</c:v>
                </c:pt>
                <c:pt idx="380">
                  <c:v>28562</c:v>
                </c:pt>
                <c:pt idx="381">
                  <c:v>27640</c:v>
                </c:pt>
                <c:pt idx="382">
                  <c:v>26656</c:v>
                </c:pt>
                <c:pt idx="383">
                  <c:v>25608</c:v>
                </c:pt>
                <c:pt idx="384">
                  <c:v>24596</c:v>
                </c:pt>
                <c:pt idx="385">
                  <c:v>23563</c:v>
                </c:pt>
                <c:pt idx="386">
                  <c:v>22526</c:v>
                </c:pt>
                <c:pt idx="387">
                  <c:v>21594</c:v>
                </c:pt>
                <c:pt idx="388">
                  <c:v>20683</c:v>
                </c:pt>
                <c:pt idx="389">
                  <c:v>19849</c:v>
                </c:pt>
                <c:pt idx="390">
                  <c:v>19137</c:v>
                </c:pt>
                <c:pt idx="391">
                  <c:v>18405</c:v>
                </c:pt>
                <c:pt idx="392">
                  <c:v>17661</c:v>
                </c:pt>
                <c:pt idx="393">
                  <c:v>17000</c:v>
                </c:pt>
                <c:pt idx="394">
                  <c:v>16470</c:v>
                </c:pt>
                <c:pt idx="395">
                  <c:v>16072</c:v>
                </c:pt>
                <c:pt idx="396">
                  <c:v>15745</c:v>
                </c:pt>
                <c:pt idx="397">
                  <c:v>15466</c:v>
                </c:pt>
                <c:pt idx="398">
                  <c:v>15263</c:v>
                </c:pt>
                <c:pt idx="399">
                  <c:v>15213</c:v>
                </c:pt>
                <c:pt idx="400">
                  <c:v>15507</c:v>
                </c:pt>
                <c:pt idx="401">
                  <c:v>15817</c:v>
                </c:pt>
                <c:pt idx="402">
                  <c:v>16185</c:v>
                </c:pt>
                <c:pt idx="403">
                  <c:v>16709</c:v>
                </c:pt>
                <c:pt idx="404">
                  <c:v>17318</c:v>
                </c:pt>
                <c:pt idx="405">
                  <c:v>17987</c:v>
                </c:pt>
                <c:pt idx="406">
                  <c:v>18692</c:v>
                </c:pt>
                <c:pt idx="407">
                  <c:v>19463</c:v>
                </c:pt>
                <c:pt idx="408">
                  <c:v>20315</c:v>
                </c:pt>
                <c:pt idx="409">
                  <c:v>21207</c:v>
                </c:pt>
                <c:pt idx="410">
                  <c:v>22134</c:v>
                </c:pt>
                <c:pt idx="411">
                  <c:v>23122</c:v>
                </c:pt>
                <c:pt idx="412">
                  <c:v>24104</c:v>
                </c:pt>
                <c:pt idx="413">
                  <c:v>25061</c:v>
                </c:pt>
                <c:pt idx="414">
                  <c:v>25838</c:v>
                </c:pt>
                <c:pt idx="415">
                  <c:v>26590</c:v>
                </c:pt>
                <c:pt idx="416">
                  <c:v>27413</c:v>
                </c:pt>
                <c:pt idx="417">
                  <c:v>28272</c:v>
                </c:pt>
                <c:pt idx="418">
                  <c:v>29357</c:v>
                </c:pt>
                <c:pt idx="419">
                  <c:v>30261</c:v>
                </c:pt>
                <c:pt idx="420">
                  <c:v>31120</c:v>
                </c:pt>
                <c:pt idx="421">
                  <c:v>31891</c:v>
                </c:pt>
                <c:pt idx="422">
                  <c:v>32449</c:v>
                </c:pt>
                <c:pt idx="423">
                  <c:v>32749</c:v>
                </c:pt>
                <c:pt idx="424">
                  <c:v>32767</c:v>
                </c:pt>
                <c:pt idx="425">
                  <c:v>32767</c:v>
                </c:pt>
                <c:pt idx="426">
                  <c:v>32767</c:v>
                </c:pt>
                <c:pt idx="427">
                  <c:v>32767</c:v>
                </c:pt>
                <c:pt idx="428">
                  <c:v>32767</c:v>
                </c:pt>
                <c:pt idx="429">
                  <c:v>32767</c:v>
                </c:pt>
                <c:pt idx="430">
                  <c:v>32767</c:v>
                </c:pt>
                <c:pt idx="431">
                  <c:v>32767</c:v>
                </c:pt>
                <c:pt idx="432">
                  <c:v>32767</c:v>
                </c:pt>
                <c:pt idx="433">
                  <c:v>32767</c:v>
                </c:pt>
                <c:pt idx="434">
                  <c:v>32767</c:v>
                </c:pt>
                <c:pt idx="435">
                  <c:v>32767</c:v>
                </c:pt>
                <c:pt idx="436">
                  <c:v>32767</c:v>
                </c:pt>
                <c:pt idx="437">
                  <c:v>32767</c:v>
                </c:pt>
                <c:pt idx="438">
                  <c:v>32767</c:v>
                </c:pt>
                <c:pt idx="439">
                  <c:v>32767</c:v>
                </c:pt>
                <c:pt idx="440">
                  <c:v>32767</c:v>
                </c:pt>
                <c:pt idx="441">
                  <c:v>32767</c:v>
                </c:pt>
                <c:pt idx="442">
                  <c:v>32767</c:v>
                </c:pt>
                <c:pt idx="443">
                  <c:v>32661</c:v>
                </c:pt>
                <c:pt idx="444">
                  <c:v>31537</c:v>
                </c:pt>
                <c:pt idx="445">
                  <c:v>30405</c:v>
                </c:pt>
                <c:pt idx="446">
                  <c:v>29546</c:v>
                </c:pt>
                <c:pt idx="447">
                  <c:v>28673</c:v>
                </c:pt>
                <c:pt idx="448">
                  <c:v>27701</c:v>
                </c:pt>
                <c:pt idx="449">
                  <c:v>26679</c:v>
                </c:pt>
                <c:pt idx="450">
                  <c:v>25682</c:v>
                </c:pt>
                <c:pt idx="451">
                  <c:v>24690</c:v>
                </c:pt>
                <c:pt idx="452">
                  <c:v>23607</c:v>
                </c:pt>
                <c:pt idx="453">
                  <c:v>22605</c:v>
                </c:pt>
                <c:pt idx="454">
                  <c:v>21639</c:v>
                </c:pt>
                <c:pt idx="455">
                  <c:v>20680</c:v>
                </c:pt>
                <c:pt idx="456">
                  <c:v>19829</c:v>
                </c:pt>
                <c:pt idx="457">
                  <c:v>19106</c:v>
                </c:pt>
                <c:pt idx="458">
                  <c:v>18350</c:v>
                </c:pt>
                <c:pt idx="459">
                  <c:v>17626</c:v>
                </c:pt>
                <c:pt idx="460">
                  <c:v>17004</c:v>
                </c:pt>
                <c:pt idx="461">
                  <c:v>16494</c:v>
                </c:pt>
                <c:pt idx="462">
                  <c:v>16105</c:v>
                </c:pt>
                <c:pt idx="463">
                  <c:v>15782</c:v>
                </c:pt>
                <c:pt idx="464">
                  <c:v>15538</c:v>
                </c:pt>
                <c:pt idx="465">
                  <c:v>15361</c:v>
                </c:pt>
                <c:pt idx="466">
                  <c:v>15433</c:v>
                </c:pt>
                <c:pt idx="467">
                  <c:v>15728</c:v>
                </c:pt>
                <c:pt idx="468">
                  <c:v>16029</c:v>
                </c:pt>
                <c:pt idx="469">
                  <c:v>16449</c:v>
                </c:pt>
                <c:pt idx="470">
                  <c:v>17015</c:v>
                </c:pt>
                <c:pt idx="471">
                  <c:v>17653</c:v>
                </c:pt>
                <c:pt idx="472">
                  <c:v>18306</c:v>
                </c:pt>
                <c:pt idx="473">
                  <c:v>18985</c:v>
                </c:pt>
                <c:pt idx="474">
                  <c:v>19779</c:v>
                </c:pt>
                <c:pt idx="475">
                  <c:v>20653</c:v>
                </c:pt>
                <c:pt idx="476">
                  <c:v>21555</c:v>
                </c:pt>
                <c:pt idx="477">
                  <c:v>22493</c:v>
                </c:pt>
                <c:pt idx="478">
                  <c:v>23469</c:v>
                </c:pt>
                <c:pt idx="479">
                  <c:v>24455</c:v>
                </c:pt>
                <c:pt idx="480">
                  <c:v>25339</c:v>
                </c:pt>
                <c:pt idx="481">
                  <c:v>26072</c:v>
                </c:pt>
                <c:pt idx="482">
                  <c:v>26876</c:v>
                </c:pt>
                <c:pt idx="483">
                  <c:v>27736</c:v>
                </c:pt>
                <c:pt idx="484">
                  <c:v>28598</c:v>
                </c:pt>
                <c:pt idx="485">
                  <c:v>29697</c:v>
                </c:pt>
                <c:pt idx="486">
                  <c:v>30521</c:v>
                </c:pt>
                <c:pt idx="487">
                  <c:v>31366</c:v>
                </c:pt>
                <c:pt idx="488">
                  <c:v>32074</c:v>
                </c:pt>
                <c:pt idx="489">
                  <c:v>32624</c:v>
                </c:pt>
                <c:pt idx="490">
                  <c:v>32767</c:v>
                </c:pt>
                <c:pt idx="491">
                  <c:v>32767</c:v>
                </c:pt>
                <c:pt idx="492">
                  <c:v>32767</c:v>
                </c:pt>
                <c:pt idx="493">
                  <c:v>32767</c:v>
                </c:pt>
                <c:pt idx="494">
                  <c:v>32767</c:v>
                </c:pt>
                <c:pt idx="495">
                  <c:v>32767</c:v>
                </c:pt>
                <c:pt idx="496">
                  <c:v>32767</c:v>
                </c:pt>
                <c:pt idx="497">
                  <c:v>32767</c:v>
                </c:pt>
                <c:pt idx="498">
                  <c:v>32767</c:v>
                </c:pt>
                <c:pt idx="499">
                  <c:v>32767</c:v>
                </c:pt>
                <c:pt idx="500">
                  <c:v>32767</c:v>
                </c:pt>
                <c:pt idx="501">
                  <c:v>32767</c:v>
                </c:pt>
                <c:pt idx="502">
                  <c:v>32767</c:v>
                </c:pt>
                <c:pt idx="503">
                  <c:v>32767</c:v>
                </c:pt>
                <c:pt idx="504">
                  <c:v>32767</c:v>
                </c:pt>
                <c:pt idx="505">
                  <c:v>32767</c:v>
                </c:pt>
                <c:pt idx="506">
                  <c:v>32767</c:v>
                </c:pt>
                <c:pt idx="507">
                  <c:v>32767</c:v>
                </c:pt>
                <c:pt idx="508">
                  <c:v>32767</c:v>
                </c:pt>
                <c:pt idx="509">
                  <c:v>32765</c:v>
                </c:pt>
                <c:pt idx="510">
                  <c:v>32226</c:v>
                </c:pt>
                <c:pt idx="511">
                  <c:v>30814</c:v>
                </c:pt>
                <c:pt idx="512">
                  <c:v>29861</c:v>
                </c:pt>
                <c:pt idx="513">
                  <c:v>28978</c:v>
                </c:pt>
                <c:pt idx="514">
                  <c:v>28086</c:v>
                </c:pt>
                <c:pt idx="515">
                  <c:v>27094</c:v>
                </c:pt>
                <c:pt idx="516">
                  <c:v>26066</c:v>
                </c:pt>
                <c:pt idx="517">
                  <c:v>25064</c:v>
                </c:pt>
                <c:pt idx="518">
                  <c:v>24076</c:v>
                </c:pt>
                <c:pt idx="519">
                  <c:v>23011</c:v>
                </c:pt>
                <c:pt idx="520">
                  <c:v>22083</c:v>
                </c:pt>
                <c:pt idx="521">
                  <c:v>21178</c:v>
                </c:pt>
                <c:pt idx="522">
                  <c:v>20289</c:v>
                </c:pt>
                <c:pt idx="523">
                  <c:v>19528</c:v>
                </c:pt>
                <c:pt idx="524">
                  <c:v>18829</c:v>
                </c:pt>
                <c:pt idx="525">
                  <c:v>18084</c:v>
                </c:pt>
                <c:pt idx="526">
                  <c:v>17396</c:v>
                </c:pt>
                <c:pt idx="527">
                  <c:v>16825</c:v>
                </c:pt>
                <c:pt idx="528">
                  <c:v>16371</c:v>
                </c:pt>
                <c:pt idx="529">
                  <c:v>16014</c:v>
                </c:pt>
                <c:pt idx="530">
                  <c:v>15728</c:v>
                </c:pt>
                <c:pt idx="531">
                  <c:v>15543</c:v>
                </c:pt>
                <c:pt idx="532">
                  <c:v>15449</c:v>
                </c:pt>
                <c:pt idx="533">
                  <c:v>15625</c:v>
                </c:pt>
                <c:pt idx="534">
                  <c:v>15923</c:v>
                </c:pt>
                <c:pt idx="535">
                  <c:v>16234</c:v>
                </c:pt>
                <c:pt idx="536">
                  <c:v>16716</c:v>
                </c:pt>
                <c:pt idx="537">
                  <c:v>17293</c:v>
                </c:pt>
                <c:pt idx="538">
                  <c:v>17965</c:v>
                </c:pt>
                <c:pt idx="539">
                  <c:v>18622</c:v>
                </c:pt>
                <c:pt idx="540">
                  <c:v>19336</c:v>
                </c:pt>
                <c:pt idx="541">
                  <c:v>20171</c:v>
                </c:pt>
                <c:pt idx="542">
                  <c:v>21033</c:v>
                </c:pt>
                <c:pt idx="543">
                  <c:v>21956</c:v>
                </c:pt>
                <c:pt idx="544">
                  <c:v>22910</c:v>
                </c:pt>
                <c:pt idx="545">
                  <c:v>23875</c:v>
                </c:pt>
                <c:pt idx="546">
                  <c:v>24831</c:v>
                </c:pt>
                <c:pt idx="547">
                  <c:v>25651</c:v>
                </c:pt>
                <c:pt idx="548">
                  <c:v>26383</c:v>
                </c:pt>
                <c:pt idx="549">
                  <c:v>27182</c:v>
                </c:pt>
                <c:pt idx="550">
                  <c:v>28015</c:v>
                </c:pt>
                <c:pt idx="551">
                  <c:v>29002</c:v>
                </c:pt>
                <c:pt idx="552">
                  <c:v>30044</c:v>
                </c:pt>
                <c:pt idx="553">
                  <c:v>30859</c:v>
                </c:pt>
                <c:pt idx="554">
                  <c:v>31672</c:v>
                </c:pt>
                <c:pt idx="555">
                  <c:v>32307</c:v>
                </c:pt>
                <c:pt idx="556">
                  <c:v>32723</c:v>
                </c:pt>
                <c:pt idx="557">
                  <c:v>32767</c:v>
                </c:pt>
                <c:pt idx="558">
                  <c:v>32767</c:v>
                </c:pt>
                <c:pt idx="559">
                  <c:v>32767</c:v>
                </c:pt>
                <c:pt idx="560">
                  <c:v>32767</c:v>
                </c:pt>
                <c:pt idx="561">
                  <c:v>32767</c:v>
                </c:pt>
                <c:pt idx="562">
                  <c:v>32767</c:v>
                </c:pt>
                <c:pt idx="563">
                  <c:v>32767</c:v>
                </c:pt>
                <c:pt idx="564">
                  <c:v>32767</c:v>
                </c:pt>
                <c:pt idx="565">
                  <c:v>32767</c:v>
                </c:pt>
                <c:pt idx="566">
                  <c:v>32767</c:v>
                </c:pt>
                <c:pt idx="567">
                  <c:v>32767</c:v>
                </c:pt>
                <c:pt idx="568">
                  <c:v>32767</c:v>
                </c:pt>
                <c:pt idx="569">
                  <c:v>32767</c:v>
                </c:pt>
                <c:pt idx="570">
                  <c:v>32767</c:v>
                </c:pt>
                <c:pt idx="571">
                  <c:v>32767</c:v>
                </c:pt>
                <c:pt idx="572">
                  <c:v>32767</c:v>
                </c:pt>
                <c:pt idx="573">
                  <c:v>32767</c:v>
                </c:pt>
                <c:pt idx="574">
                  <c:v>32767</c:v>
                </c:pt>
                <c:pt idx="575">
                  <c:v>32767</c:v>
                </c:pt>
                <c:pt idx="576">
                  <c:v>32742</c:v>
                </c:pt>
                <c:pt idx="577">
                  <c:v>31917</c:v>
                </c:pt>
                <c:pt idx="578">
                  <c:v>30600</c:v>
                </c:pt>
                <c:pt idx="579">
                  <c:v>29713</c:v>
                </c:pt>
                <c:pt idx="580">
                  <c:v>28835</c:v>
                </c:pt>
                <c:pt idx="581">
                  <c:v>27905</c:v>
                </c:pt>
                <c:pt idx="582">
                  <c:v>26911</c:v>
                </c:pt>
                <c:pt idx="583">
                  <c:v>25891</c:v>
                </c:pt>
                <c:pt idx="584">
                  <c:v>24903</c:v>
                </c:pt>
                <c:pt idx="585">
                  <c:v>23880</c:v>
                </c:pt>
                <c:pt idx="586">
                  <c:v>22859</c:v>
                </c:pt>
                <c:pt idx="587">
                  <c:v>21942</c:v>
                </c:pt>
                <c:pt idx="588">
                  <c:v>21068</c:v>
                </c:pt>
                <c:pt idx="589">
                  <c:v>20206</c:v>
                </c:pt>
                <c:pt idx="590">
                  <c:v>19475</c:v>
                </c:pt>
                <c:pt idx="591">
                  <c:v>18775</c:v>
                </c:pt>
                <c:pt idx="592">
                  <c:v>18046</c:v>
                </c:pt>
                <c:pt idx="593">
                  <c:v>17388</c:v>
                </c:pt>
                <c:pt idx="594">
                  <c:v>16855</c:v>
                </c:pt>
                <c:pt idx="595">
                  <c:v>16467</c:v>
                </c:pt>
                <c:pt idx="596">
                  <c:v>16130</c:v>
                </c:pt>
                <c:pt idx="597">
                  <c:v>15861</c:v>
                </c:pt>
                <c:pt idx="598">
                  <c:v>15662</c:v>
                </c:pt>
                <c:pt idx="599">
                  <c:v>15618</c:v>
                </c:pt>
                <c:pt idx="600">
                  <c:v>15906</c:v>
                </c:pt>
                <c:pt idx="601">
                  <c:v>16209</c:v>
                </c:pt>
                <c:pt idx="602">
                  <c:v>16566</c:v>
                </c:pt>
                <c:pt idx="603">
                  <c:v>17075</c:v>
                </c:pt>
                <c:pt idx="604">
                  <c:v>17685</c:v>
                </c:pt>
                <c:pt idx="605">
                  <c:v>18310</c:v>
                </c:pt>
                <c:pt idx="606">
                  <c:v>18974</c:v>
                </c:pt>
                <c:pt idx="607">
                  <c:v>19736</c:v>
                </c:pt>
                <c:pt idx="608">
                  <c:v>20578</c:v>
                </c:pt>
                <c:pt idx="609">
                  <c:v>21462</c:v>
                </c:pt>
                <c:pt idx="610">
                  <c:v>22389</c:v>
                </c:pt>
                <c:pt idx="611">
                  <c:v>23340</c:v>
                </c:pt>
                <c:pt idx="612">
                  <c:v>24306</c:v>
                </c:pt>
                <c:pt idx="613">
                  <c:v>25233</c:v>
                </c:pt>
                <c:pt idx="614">
                  <c:v>25998</c:v>
                </c:pt>
                <c:pt idx="615">
                  <c:v>26750</c:v>
                </c:pt>
                <c:pt idx="616">
                  <c:v>27576</c:v>
                </c:pt>
                <c:pt idx="617">
                  <c:v>28423</c:v>
                </c:pt>
                <c:pt idx="618">
                  <c:v>29501</c:v>
                </c:pt>
                <c:pt idx="619">
                  <c:v>30380</c:v>
                </c:pt>
                <c:pt idx="620">
                  <c:v>31210</c:v>
                </c:pt>
                <c:pt idx="621">
                  <c:v>31968</c:v>
                </c:pt>
                <c:pt idx="622">
                  <c:v>32606</c:v>
                </c:pt>
                <c:pt idx="623">
                  <c:v>32767</c:v>
                </c:pt>
                <c:pt idx="624">
                  <c:v>32767</c:v>
                </c:pt>
                <c:pt idx="625">
                  <c:v>32767</c:v>
                </c:pt>
                <c:pt idx="626">
                  <c:v>32767</c:v>
                </c:pt>
                <c:pt idx="627">
                  <c:v>32767</c:v>
                </c:pt>
                <c:pt idx="628">
                  <c:v>32767</c:v>
                </c:pt>
                <c:pt idx="629">
                  <c:v>32767</c:v>
                </c:pt>
                <c:pt idx="630">
                  <c:v>32767</c:v>
                </c:pt>
                <c:pt idx="631">
                  <c:v>32767</c:v>
                </c:pt>
                <c:pt idx="632">
                  <c:v>32767</c:v>
                </c:pt>
                <c:pt idx="633">
                  <c:v>32767</c:v>
                </c:pt>
                <c:pt idx="634">
                  <c:v>32767</c:v>
                </c:pt>
                <c:pt idx="635">
                  <c:v>32767</c:v>
                </c:pt>
                <c:pt idx="636">
                  <c:v>32767</c:v>
                </c:pt>
                <c:pt idx="637">
                  <c:v>32767</c:v>
                </c:pt>
                <c:pt idx="638">
                  <c:v>32767</c:v>
                </c:pt>
                <c:pt idx="639">
                  <c:v>32767</c:v>
                </c:pt>
                <c:pt idx="640">
                  <c:v>32767</c:v>
                </c:pt>
                <c:pt idx="641">
                  <c:v>32767</c:v>
                </c:pt>
                <c:pt idx="642">
                  <c:v>32767</c:v>
                </c:pt>
                <c:pt idx="643">
                  <c:v>32668</c:v>
                </c:pt>
                <c:pt idx="644">
                  <c:v>31534</c:v>
                </c:pt>
                <c:pt idx="645">
                  <c:v>30348</c:v>
                </c:pt>
                <c:pt idx="646">
                  <c:v>29508</c:v>
                </c:pt>
                <c:pt idx="647">
                  <c:v>28662</c:v>
                </c:pt>
                <c:pt idx="648">
                  <c:v>27681</c:v>
                </c:pt>
                <c:pt idx="649">
                  <c:v>26687</c:v>
                </c:pt>
                <c:pt idx="650">
                  <c:v>25660</c:v>
                </c:pt>
                <c:pt idx="651">
                  <c:v>24685</c:v>
                </c:pt>
                <c:pt idx="652">
                  <c:v>23635</c:v>
                </c:pt>
                <c:pt idx="653">
                  <c:v>22664</c:v>
                </c:pt>
                <c:pt idx="654">
                  <c:v>21736</c:v>
                </c:pt>
                <c:pt idx="655">
                  <c:v>20856</c:v>
                </c:pt>
                <c:pt idx="656">
                  <c:v>20041</c:v>
                </c:pt>
                <c:pt idx="657">
                  <c:v>19349</c:v>
                </c:pt>
                <c:pt idx="658">
                  <c:v>18638</c:v>
                </c:pt>
                <c:pt idx="659">
                  <c:v>17887</c:v>
                </c:pt>
                <c:pt idx="660">
                  <c:v>17275</c:v>
                </c:pt>
                <c:pt idx="661">
                  <c:v>16776</c:v>
                </c:pt>
                <c:pt idx="662">
                  <c:v>16404</c:v>
                </c:pt>
                <c:pt idx="663">
                  <c:v>16160</c:v>
                </c:pt>
                <c:pt idx="664">
                  <c:v>15991</c:v>
                </c:pt>
                <c:pt idx="665">
                  <c:v>15824</c:v>
                </c:pt>
                <c:pt idx="666">
                  <c:v>15844</c:v>
                </c:pt>
                <c:pt idx="667">
                  <c:v>16098</c:v>
                </c:pt>
                <c:pt idx="668">
                  <c:v>16380</c:v>
                </c:pt>
                <c:pt idx="669">
                  <c:v>16778</c:v>
                </c:pt>
                <c:pt idx="670">
                  <c:v>17317</c:v>
                </c:pt>
                <c:pt idx="671">
                  <c:v>17949</c:v>
                </c:pt>
                <c:pt idx="672">
                  <c:v>18602</c:v>
                </c:pt>
                <c:pt idx="673">
                  <c:v>19283</c:v>
                </c:pt>
                <c:pt idx="674">
                  <c:v>20071</c:v>
                </c:pt>
                <c:pt idx="675">
                  <c:v>20943</c:v>
                </c:pt>
                <c:pt idx="676">
                  <c:v>21865</c:v>
                </c:pt>
                <c:pt idx="677">
                  <c:v>22773</c:v>
                </c:pt>
                <c:pt idx="678">
                  <c:v>23703</c:v>
                </c:pt>
                <c:pt idx="679">
                  <c:v>24655</c:v>
                </c:pt>
                <c:pt idx="680">
                  <c:v>25521</c:v>
                </c:pt>
                <c:pt idx="681">
                  <c:v>26236</c:v>
                </c:pt>
                <c:pt idx="682">
                  <c:v>26979</c:v>
                </c:pt>
                <c:pt idx="683">
                  <c:v>27809</c:v>
                </c:pt>
                <c:pt idx="684">
                  <c:v>28698</c:v>
                </c:pt>
                <c:pt idx="685">
                  <c:v>29810</c:v>
                </c:pt>
                <c:pt idx="686">
                  <c:v>30630</c:v>
                </c:pt>
                <c:pt idx="687">
                  <c:v>31474</c:v>
                </c:pt>
                <c:pt idx="688">
                  <c:v>32158</c:v>
                </c:pt>
                <c:pt idx="689">
                  <c:v>32659</c:v>
                </c:pt>
                <c:pt idx="690">
                  <c:v>32767</c:v>
                </c:pt>
                <c:pt idx="691">
                  <c:v>32767</c:v>
                </c:pt>
                <c:pt idx="692">
                  <c:v>32767</c:v>
                </c:pt>
                <c:pt idx="693">
                  <c:v>32767</c:v>
                </c:pt>
                <c:pt idx="694">
                  <c:v>32767</c:v>
                </c:pt>
                <c:pt idx="695">
                  <c:v>32767</c:v>
                </c:pt>
                <c:pt idx="696">
                  <c:v>32767</c:v>
                </c:pt>
                <c:pt idx="697">
                  <c:v>32767</c:v>
                </c:pt>
                <c:pt idx="698">
                  <c:v>32767</c:v>
                </c:pt>
                <c:pt idx="699">
                  <c:v>32767</c:v>
                </c:pt>
                <c:pt idx="700">
                  <c:v>32767</c:v>
                </c:pt>
                <c:pt idx="701">
                  <c:v>32767</c:v>
                </c:pt>
                <c:pt idx="702">
                  <c:v>32767</c:v>
                </c:pt>
                <c:pt idx="703">
                  <c:v>32767</c:v>
                </c:pt>
                <c:pt idx="704">
                  <c:v>32767</c:v>
                </c:pt>
                <c:pt idx="705">
                  <c:v>32767</c:v>
                </c:pt>
                <c:pt idx="706">
                  <c:v>32767</c:v>
                </c:pt>
                <c:pt idx="707">
                  <c:v>32767</c:v>
                </c:pt>
                <c:pt idx="708">
                  <c:v>32767</c:v>
                </c:pt>
                <c:pt idx="709">
                  <c:v>32767</c:v>
                </c:pt>
                <c:pt idx="710">
                  <c:v>32518</c:v>
                </c:pt>
                <c:pt idx="711">
                  <c:v>31167</c:v>
                </c:pt>
                <c:pt idx="712">
                  <c:v>30129</c:v>
                </c:pt>
                <c:pt idx="713">
                  <c:v>29277</c:v>
                </c:pt>
                <c:pt idx="714">
                  <c:v>28375</c:v>
                </c:pt>
                <c:pt idx="715">
                  <c:v>27411</c:v>
                </c:pt>
                <c:pt idx="716">
                  <c:v>26412</c:v>
                </c:pt>
                <c:pt idx="717">
                  <c:v>25407</c:v>
                </c:pt>
                <c:pt idx="718">
                  <c:v>24414</c:v>
                </c:pt>
                <c:pt idx="719">
                  <c:v>23371</c:v>
                </c:pt>
                <c:pt idx="720">
                  <c:v>22467</c:v>
                </c:pt>
                <c:pt idx="721">
                  <c:v>21563</c:v>
                </c:pt>
                <c:pt idx="722">
                  <c:v>20681</c:v>
                </c:pt>
                <c:pt idx="723">
                  <c:v>19916</c:v>
                </c:pt>
                <c:pt idx="724">
                  <c:v>19213</c:v>
                </c:pt>
                <c:pt idx="725">
                  <c:v>18468</c:v>
                </c:pt>
                <c:pt idx="726">
                  <c:v>17802</c:v>
                </c:pt>
                <c:pt idx="727">
                  <c:v>17213</c:v>
                </c:pt>
                <c:pt idx="728">
                  <c:v>16756</c:v>
                </c:pt>
                <c:pt idx="729">
                  <c:v>16424</c:v>
                </c:pt>
                <c:pt idx="730">
                  <c:v>16143</c:v>
                </c:pt>
                <c:pt idx="731">
                  <c:v>15907</c:v>
                </c:pt>
                <c:pt idx="732">
                  <c:v>15786</c:v>
                </c:pt>
                <c:pt idx="733">
                  <c:v>15987</c:v>
                </c:pt>
                <c:pt idx="734">
                  <c:v>16283</c:v>
                </c:pt>
                <c:pt idx="735">
                  <c:v>16595</c:v>
                </c:pt>
                <c:pt idx="736">
                  <c:v>17058</c:v>
                </c:pt>
                <c:pt idx="737">
                  <c:v>17644</c:v>
                </c:pt>
                <c:pt idx="738">
                  <c:v>18272</c:v>
                </c:pt>
                <c:pt idx="739">
                  <c:v>18912</c:v>
                </c:pt>
                <c:pt idx="740">
                  <c:v>19624</c:v>
                </c:pt>
                <c:pt idx="741">
                  <c:v>20463</c:v>
                </c:pt>
                <c:pt idx="742">
                  <c:v>21332</c:v>
                </c:pt>
                <c:pt idx="743">
                  <c:v>22228</c:v>
                </c:pt>
                <c:pt idx="744">
                  <c:v>23156</c:v>
                </c:pt>
                <c:pt idx="745">
                  <c:v>24105</c:v>
                </c:pt>
                <c:pt idx="746">
                  <c:v>25064</c:v>
                </c:pt>
                <c:pt idx="747">
                  <c:v>25869</c:v>
                </c:pt>
                <c:pt idx="748">
                  <c:v>26592</c:v>
                </c:pt>
                <c:pt idx="749">
                  <c:v>27375</c:v>
                </c:pt>
                <c:pt idx="750">
                  <c:v>28187</c:v>
                </c:pt>
                <c:pt idx="751">
                  <c:v>29174</c:v>
                </c:pt>
                <c:pt idx="752">
                  <c:v>30209</c:v>
                </c:pt>
                <c:pt idx="753">
                  <c:v>31029</c:v>
                </c:pt>
                <c:pt idx="754">
                  <c:v>31818</c:v>
                </c:pt>
                <c:pt idx="755">
                  <c:v>32450</c:v>
                </c:pt>
                <c:pt idx="756">
                  <c:v>32754</c:v>
                </c:pt>
                <c:pt idx="757">
                  <c:v>32767</c:v>
                </c:pt>
                <c:pt idx="758">
                  <c:v>32767</c:v>
                </c:pt>
                <c:pt idx="759">
                  <c:v>32767</c:v>
                </c:pt>
                <c:pt idx="760">
                  <c:v>32767</c:v>
                </c:pt>
                <c:pt idx="761">
                  <c:v>32767</c:v>
                </c:pt>
                <c:pt idx="762">
                  <c:v>32767</c:v>
                </c:pt>
                <c:pt idx="763">
                  <c:v>32767</c:v>
                </c:pt>
                <c:pt idx="764">
                  <c:v>32767</c:v>
                </c:pt>
                <c:pt idx="765">
                  <c:v>32767</c:v>
                </c:pt>
                <c:pt idx="766">
                  <c:v>32767</c:v>
                </c:pt>
                <c:pt idx="767">
                  <c:v>32767</c:v>
                </c:pt>
                <c:pt idx="768">
                  <c:v>32767</c:v>
                </c:pt>
                <c:pt idx="769">
                  <c:v>32767</c:v>
                </c:pt>
                <c:pt idx="770">
                  <c:v>32767</c:v>
                </c:pt>
                <c:pt idx="771">
                  <c:v>32767</c:v>
                </c:pt>
                <c:pt idx="772">
                  <c:v>32767</c:v>
                </c:pt>
                <c:pt idx="773">
                  <c:v>32767</c:v>
                </c:pt>
                <c:pt idx="774">
                  <c:v>32767</c:v>
                </c:pt>
                <c:pt idx="775">
                  <c:v>32767</c:v>
                </c:pt>
                <c:pt idx="776">
                  <c:v>32766</c:v>
                </c:pt>
                <c:pt idx="777">
                  <c:v>32249</c:v>
                </c:pt>
                <c:pt idx="778">
                  <c:v>30834</c:v>
                </c:pt>
                <c:pt idx="779">
                  <c:v>29899</c:v>
                </c:pt>
                <c:pt idx="780">
                  <c:v>29040</c:v>
                </c:pt>
                <c:pt idx="781">
                  <c:v>28131</c:v>
                </c:pt>
                <c:pt idx="782">
                  <c:v>27146</c:v>
                </c:pt>
                <c:pt idx="783">
                  <c:v>26087</c:v>
                </c:pt>
                <c:pt idx="784">
                  <c:v>25105</c:v>
                </c:pt>
                <c:pt idx="785">
                  <c:v>24077</c:v>
                </c:pt>
                <c:pt idx="786">
                  <c:v>23076</c:v>
                </c:pt>
                <c:pt idx="787">
                  <c:v>22174</c:v>
                </c:pt>
                <c:pt idx="788">
                  <c:v>21320</c:v>
                </c:pt>
                <c:pt idx="789">
                  <c:v>20466</c:v>
                </c:pt>
                <c:pt idx="790">
                  <c:v>19725</c:v>
                </c:pt>
                <c:pt idx="791">
                  <c:v>18985</c:v>
                </c:pt>
                <c:pt idx="792">
                  <c:v>18238</c:v>
                </c:pt>
                <c:pt idx="793">
                  <c:v>17576</c:v>
                </c:pt>
                <c:pt idx="794">
                  <c:v>17059</c:v>
                </c:pt>
                <c:pt idx="795">
                  <c:v>16649</c:v>
                </c:pt>
                <c:pt idx="796">
                  <c:v>16328</c:v>
                </c:pt>
                <c:pt idx="797">
                  <c:v>16061</c:v>
                </c:pt>
                <c:pt idx="798">
                  <c:v>15864</c:v>
                </c:pt>
                <c:pt idx="799">
                  <c:v>15799</c:v>
                </c:pt>
                <c:pt idx="800">
                  <c:v>16064</c:v>
                </c:pt>
                <c:pt idx="801">
                  <c:v>16356</c:v>
                </c:pt>
                <c:pt idx="802">
                  <c:v>16723</c:v>
                </c:pt>
                <c:pt idx="803">
                  <c:v>17227</c:v>
                </c:pt>
                <c:pt idx="804">
                  <c:v>17843</c:v>
                </c:pt>
                <c:pt idx="805">
                  <c:v>18476</c:v>
                </c:pt>
                <c:pt idx="806">
                  <c:v>19137</c:v>
                </c:pt>
                <c:pt idx="807">
                  <c:v>19891</c:v>
                </c:pt>
                <c:pt idx="808">
                  <c:v>20709</c:v>
                </c:pt>
                <c:pt idx="809">
                  <c:v>21591</c:v>
                </c:pt>
                <c:pt idx="810">
                  <c:v>22541</c:v>
                </c:pt>
                <c:pt idx="811">
                  <c:v>23503</c:v>
                </c:pt>
                <c:pt idx="812">
                  <c:v>24444</c:v>
                </c:pt>
                <c:pt idx="813">
                  <c:v>25358</c:v>
                </c:pt>
                <c:pt idx="814">
                  <c:v>26108</c:v>
                </c:pt>
                <c:pt idx="815">
                  <c:v>26839</c:v>
                </c:pt>
                <c:pt idx="816">
                  <c:v>27636</c:v>
                </c:pt>
                <c:pt idx="817">
                  <c:v>28484</c:v>
                </c:pt>
                <c:pt idx="818">
                  <c:v>29560</c:v>
                </c:pt>
                <c:pt idx="819">
                  <c:v>30441</c:v>
                </c:pt>
                <c:pt idx="820">
                  <c:v>31290</c:v>
                </c:pt>
                <c:pt idx="821">
                  <c:v>32023</c:v>
                </c:pt>
                <c:pt idx="822">
                  <c:v>32615</c:v>
                </c:pt>
                <c:pt idx="823">
                  <c:v>32767</c:v>
                </c:pt>
                <c:pt idx="824">
                  <c:v>32767</c:v>
                </c:pt>
                <c:pt idx="825">
                  <c:v>32767</c:v>
                </c:pt>
                <c:pt idx="826">
                  <c:v>32767</c:v>
                </c:pt>
                <c:pt idx="827">
                  <c:v>32767</c:v>
                </c:pt>
                <c:pt idx="828">
                  <c:v>32767</c:v>
                </c:pt>
                <c:pt idx="829">
                  <c:v>32767</c:v>
                </c:pt>
                <c:pt idx="830">
                  <c:v>32767</c:v>
                </c:pt>
                <c:pt idx="831">
                  <c:v>32767</c:v>
                </c:pt>
                <c:pt idx="832">
                  <c:v>32767</c:v>
                </c:pt>
                <c:pt idx="833">
                  <c:v>32767</c:v>
                </c:pt>
                <c:pt idx="834">
                  <c:v>32767</c:v>
                </c:pt>
                <c:pt idx="835">
                  <c:v>32767</c:v>
                </c:pt>
                <c:pt idx="836">
                  <c:v>32767</c:v>
                </c:pt>
                <c:pt idx="837">
                  <c:v>32767</c:v>
                </c:pt>
                <c:pt idx="838">
                  <c:v>32767</c:v>
                </c:pt>
                <c:pt idx="839">
                  <c:v>32767</c:v>
                </c:pt>
                <c:pt idx="840">
                  <c:v>32767</c:v>
                </c:pt>
                <c:pt idx="841">
                  <c:v>32767</c:v>
                </c:pt>
                <c:pt idx="842">
                  <c:v>32767</c:v>
                </c:pt>
                <c:pt idx="843">
                  <c:v>32711</c:v>
                </c:pt>
                <c:pt idx="844">
                  <c:v>31741</c:v>
                </c:pt>
                <c:pt idx="845">
                  <c:v>30508</c:v>
                </c:pt>
                <c:pt idx="846">
                  <c:v>29616</c:v>
                </c:pt>
                <c:pt idx="847">
                  <c:v>28713</c:v>
                </c:pt>
                <c:pt idx="848">
                  <c:v>27745</c:v>
                </c:pt>
                <c:pt idx="849">
                  <c:v>26752</c:v>
                </c:pt>
                <c:pt idx="850">
                  <c:v>25742</c:v>
                </c:pt>
                <c:pt idx="851">
                  <c:v>24762</c:v>
                </c:pt>
                <c:pt idx="852">
                  <c:v>23693</c:v>
                </c:pt>
                <c:pt idx="853">
                  <c:v>22747</c:v>
                </c:pt>
                <c:pt idx="854">
                  <c:v>21833</c:v>
                </c:pt>
                <c:pt idx="855">
                  <c:v>20980</c:v>
                </c:pt>
                <c:pt idx="856">
                  <c:v>20205</c:v>
                </c:pt>
                <c:pt idx="857">
                  <c:v>19511</c:v>
                </c:pt>
                <c:pt idx="858">
                  <c:v>18762</c:v>
                </c:pt>
                <c:pt idx="859">
                  <c:v>18003</c:v>
                </c:pt>
                <c:pt idx="860">
                  <c:v>17371</c:v>
                </c:pt>
                <c:pt idx="861">
                  <c:v>16866</c:v>
                </c:pt>
                <c:pt idx="862">
                  <c:v>16508</c:v>
                </c:pt>
                <c:pt idx="863">
                  <c:v>16204</c:v>
                </c:pt>
                <c:pt idx="864">
                  <c:v>15930</c:v>
                </c:pt>
                <c:pt idx="865">
                  <c:v>15763</c:v>
                </c:pt>
                <c:pt idx="866">
                  <c:v>15850</c:v>
                </c:pt>
                <c:pt idx="867">
                  <c:v>16145</c:v>
                </c:pt>
                <c:pt idx="868">
                  <c:v>16440</c:v>
                </c:pt>
                <c:pt idx="869">
                  <c:v>16834</c:v>
                </c:pt>
                <c:pt idx="870">
                  <c:v>17387</c:v>
                </c:pt>
                <c:pt idx="871">
                  <c:v>17997</c:v>
                </c:pt>
                <c:pt idx="872">
                  <c:v>18625</c:v>
                </c:pt>
                <c:pt idx="873">
                  <c:v>19330</c:v>
                </c:pt>
                <c:pt idx="874">
                  <c:v>20117</c:v>
                </c:pt>
                <c:pt idx="875">
                  <c:v>20967</c:v>
                </c:pt>
                <c:pt idx="876">
                  <c:v>21843</c:v>
                </c:pt>
                <c:pt idx="877">
                  <c:v>22778</c:v>
                </c:pt>
                <c:pt idx="878">
                  <c:v>23769</c:v>
                </c:pt>
                <c:pt idx="879">
                  <c:v>24726</c:v>
                </c:pt>
                <c:pt idx="880">
                  <c:v>25576</c:v>
                </c:pt>
                <c:pt idx="881">
                  <c:v>26281</c:v>
                </c:pt>
                <c:pt idx="882">
                  <c:v>27031</c:v>
                </c:pt>
                <c:pt idx="883">
                  <c:v>27845</c:v>
                </c:pt>
                <c:pt idx="884">
                  <c:v>28719</c:v>
                </c:pt>
                <c:pt idx="885">
                  <c:v>29821</c:v>
                </c:pt>
                <c:pt idx="886">
                  <c:v>30627</c:v>
                </c:pt>
                <c:pt idx="887">
                  <c:v>31469</c:v>
                </c:pt>
                <c:pt idx="888">
                  <c:v>32185</c:v>
                </c:pt>
                <c:pt idx="889">
                  <c:v>32694</c:v>
                </c:pt>
                <c:pt idx="890">
                  <c:v>32767</c:v>
                </c:pt>
                <c:pt idx="891">
                  <c:v>32767</c:v>
                </c:pt>
                <c:pt idx="892">
                  <c:v>32767</c:v>
                </c:pt>
                <c:pt idx="893">
                  <c:v>32767</c:v>
                </c:pt>
                <c:pt idx="894">
                  <c:v>32767</c:v>
                </c:pt>
                <c:pt idx="895">
                  <c:v>32767</c:v>
                </c:pt>
                <c:pt idx="896">
                  <c:v>32767</c:v>
                </c:pt>
                <c:pt idx="897">
                  <c:v>32767</c:v>
                </c:pt>
                <c:pt idx="898">
                  <c:v>32767</c:v>
                </c:pt>
                <c:pt idx="899">
                  <c:v>32767</c:v>
                </c:pt>
                <c:pt idx="900">
                  <c:v>32767</c:v>
                </c:pt>
                <c:pt idx="901">
                  <c:v>32767</c:v>
                </c:pt>
                <c:pt idx="902">
                  <c:v>32767</c:v>
                </c:pt>
                <c:pt idx="903">
                  <c:v>32767</c:v>
                </c:pt>
                <c:pt idx="904">
                  <c:v>32767</c:v>
                </c:pt>
                <c:pt idx="905">
                  <c:v>32767</c:v>
                </c:pt>
                <c:pt idx="906">
                  <c:v>32767</c:v>
                </c:pt>
                <c:pt idx="907">
                  <c:v>32767</c:v>
                </c:pt>
                <c:pt idx="908">
                  <c:v>32767</c:v>
                </c:pt>
                <c:pt idx="909">
                  <c:v>32767</c:v>
                </c:pt>
                <c:pt idx="910">
                  <c:v>32359</c:v>
                </c:pt>
                <c:pt idx="911">
                  <c:v>30938</c:v>
                </c:pt>
                <c:pt idx="912">
                  <c:v>29973</c:v>
                </c:pt>
                <c:pt idx="913">
                  <c:v>29104</c:v>
                </c:pt>
                <c:pt idx="914">
                  <c:v>28216</c:v>
                </c:pt>
                <c:pt idx="915">
                  <c:v>27248</c:v>
                </c:pt>
                <c:pt idx="916">
                  <c:v>26229</c:v>
                </c:pt>
                <c:pt idx="917">
                  <c:v>25209</c:v>
                </c:pt>
                <c:pt idx="918">
                  <c:v>24207</c:v>
                </c:pt>
                <c:pt idx="919">
                  <c:v>23159</c:v>
                </c:pt>
                <c:pt idx="920">
                  <c:v>22235</c:v>
                </c:pt>
                <c:pt idx="921">
                  <c:v>21329</c:v>
                </c:pt>
                <c:pt idx="922">
                  <c:v>20448</c:v>
                </c:pt>
                <c:pt idx="923">
                  <c:v>19684</c:v>
                </c:pt>
                <c:pt idx="924">
                  <c:v>18972</c:v>
                </c:pt>
                <c:pt idx="925">
                  <c:v>18229</c:v>
                </c:pt>
                <c:pt idx="926">
                  <c:v>17550</c:v>
                </c:pt>
                <c:pt idx="927">
                  <c:v>16963</c:v>
                </c:pt>
                <c:pt idx="928">
                  <c:v>16472</c:v>
                </c:pt>
                <c:pt idx="929">
                  <c:v>16091</c:v>
                </c:pt>
                <c:pt idx="930">
                  <c:v>15834</c:v>
                </c:pt>
                <c:pt idx="931">
                  <c:v>15573</c:v>
                </c:pt>
                <c:pt idx="932">
                  <c:v>15407</c:v>
                </c:pt>
                <c:pt idx="933">
                  <c:v>15624</c:v>
                </c:pt>
                <c:pt idx="934">
                  <c:v>15979</c:v>
                </c:pt>
                <c:pt idx="935">
                  <c:v>16289</c:v>
                </c:pt>
                <c:pt idx="936">
                  <c:v>16739</c:v>
                </c:pt>
                <c:pt idx="937">
                  <c:v>17315</c:v>
                </c:pt>
                <c:pt idx="938">
                  <c:v>17922</c:v>
                </c:pt>
                <c:pt idx="939">
                  <c:v>18573</c:v>
                </c:pt>
                <c:pt idx="940">
                  <c:v>19288</c:v>
                </c:pt>
                <c:pt idx="941">
                  <c:v>20114</c:v>
                </c:pt>
                <c:pt idx="942">
                  <c:v>20974</c:v>
                </c:pt>
                <c:pt idx="943">
                  <c:v>21856</c:v>
                </c:pt>
                <c:pt idx="944">
                  <c:v>22795</c:v>
                </c:pt>
                <c:pt idx="945">
                  <c:v>23763</c:v>
                </c:pt>
                <c:pt idx="946">
                  <c:v>24714</c:v>
                </c:pt>
                <c:pt idx="947">
                  <c:v>25511</c:v>
                </c:pt>
                <c:pt idx="948">
                  <c:v>26225</c:v>
                </c:pt>
                <c:pt idx="949">
                  <c:v>27003</c:v>
                </c:pt>
                <c:pt idx="950">
                  <c:v>27834</c:v>
                </c:pt>
                <c:pt idx="951">
                  <c:v>28809</c:v>
                </c:pt>
                <c:pt idx="952">
                  <c:v>29824</c:v>
                </c:pt>
                <c:pt idx="953">
                  <c:v>30647</c:v>
                </c:pt>
                <c:pt idx="954">
                  <c:v>31448</c:v>
                </c:pt>
                <c:pt idx="955">
                  <c:v>32112</c:v>
                </c:pt>
                <c:pt idx="956">
                  <c:v>32645</c:v>
                </c:pt>
                <c:pt idx="957">
                  <c:v>32767</c:v>
                </c:pt>
                <c:pt idx="958">
                  <c:v>32767</c:v>
                </c:pt>
                <c:pt idx="959">
                  <c:v>32767</c:v>
                </c:pt>
                <c:pt idx="960">
                  <c:v>32767</c:v>
                </c:pt>
                <c:pt idx="961">
                  <c:v>32767</c:v>
                </c:pt>
                <c:pt idx="962">
                  <c:v>32767</c:v>
                </c:pt>
                <c:pt idx="963">
                  <c:v>32767</c:v>
                </c:pt>
                <c:pt idx="964">
                  <c:v>32767</c:v>
                </c:pt>
                <c:pt idx="965">
                  <c:v>32767</c:v>
                </c:pt>
                <c:pt idx="966">
                  <c:v>32767</c:v>
                </c:pt>
                <c:pt idx="967">
                  <c:v>32767</c:v>
                </c:pt>
                <c:pt idx="968">
                  <c:v>32767</c:v>
                </c:pt>
                <c:pt idx="969">
                  <c:v>32767</c:v>
                </c:pt>
                <c:pt idx="970">
                  <c:v>32767</c:v>
                </c:pt>
                <c:pt idx="971">
                  <c:v>32767</c:v>
                </c:pt>
                <c:pt idx="972">
                  <c:v>32767</c:v>
                </c:pt>
                <c:pt idx="973">
                  <c:v>32767</c:v>
                </c:pt>
                <c:pt idx="974">
                  <c:v>32767</c:v>
                </c:pt>
                <c:pt idx="975">
                  <c:v>32767</c:v>
                </c:pt>
                <c:pt idx="976">
                  <c:v>32552</c:v>
                </c:pt>
                <c:pt idx="977">
                  <c:v>31246</c:v>
                </c:pt>
                <c:pt idx="978">
                  <c:v>30201</c:v>
                </c:pt>
                <c:pt idx="979">
                  <c:v>29322</c:v>
                </c:pt>
                <c:pt idx="980">
                  <c:v>28449</c:v>
                </c:pt>
                <c:pt idx="981">
                  <c:v>27527</c:v>
                </c:pt>
                <c:pt idx="982">
                  <c:v>26536</c:v>
                </c:pt>
                <c:pt idx="983">
                  <c:v>25495</c:v>
                </c:pt>
                <c:pt idx="984">
                  <c:v>24494</c:v>
                </c:pt>
                <c:pt idx="985">
                  <c:v>23447</c:v>
                </c:pt>
                <c:pt idx="986">
                  <c:v>22442</c:v>
                </c:pt>
                <c:pt idx="987">
                  <c:v>21530</c:v>
                </c:pt>
                <c:pt idx="988">
                  <c:v>20635</c:v>
                </c:pt>
                <c:pt idx="989">
                  <c:v>19779</c:v>
                </c:pt>
                <c:pt idx="990">
                  <c:v>19041</c:v>
                </c:pt>
                <c:pt idx="991">
                  <c:v>18310</c:v>
                </c:pt>
                <c:pt idx="992">
                  <c:v>17601</c:v>
                </c:pt>
                <c:pt idx="993">
                  <c:v>16951</c:v>
                </c:pt>
                <c:pt idx="994">
                  <c:v>16401</c:v>
                </c:pt>
                <c:pt idx="995">
                  <c:v>16009</c:v>
                </c:pt>
                <c:pt idx="996">
                  <c:v>15661</c:v>
                </c:pt>
                <c:pt idx="997">
                  <c:v>15382</c:v>
                </c:pt>
                <c:pt idx="998">
                  <c:v>15178</c:v>
                </c:pt>
                <c:pt idx="999">
                  <c:v>15137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B730-42F3-A7AB-8AAA0505E52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461799632"/>
        <c:axId val="461802032"/>
      </c:lineChart>
      <c:catAx>
        <c:axId val="461799632"/>
        <c:scaling>
          <c:orientation val="minMax"/>
        </c:scaling>
        <c:delete val="0"/>
        <c:axPos val="b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61802032"/>
        <c:crosses val="autoZero"/>
        <c:auto val="1"/>
        <c:lblAlgn val="ctr"/>
        <c:lblOffset val="100"/>
        <c:noMultiLvlLbl val="0"/>
      </c:catAx>
      <c:valAx>
        <c:axId val="46180203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6179963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+/- 0.2V Sine</a:t>
            </a:r>
            <a:r>
              <a:rPr lang="en-US" baseline="0"/>
              <a:t> wave</a:t>
            </a:r>
            <a:endParaRPr lang="en-US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lineChart>
        <c:grouping val="stacked"/>
        <c:varyColors val="0"/>
        <c:ser>
          <c:idx val="0"/>
          <c:order val="0"/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val>
            <c:numRef>
              <c:f>Sheet3!$B$1:$B$201</c:f>
              <c:numCache>
                <c:formatCode>General</c:formatCode>
                <c:ptCount val="201"/>
                <c:pt idx="0">
                  <c:v>65376</c:v>
                </c:pt>
                <c:pt idx="1">
                  <c:v>65375</c:v>
                </c:pt>
                <c:pt idx="2">
                  <c:v>65382</c:v>
                </c:pt>
                <c:pt idx="3">
                  <c:v>65379</c:v>
                </c:pt>
                <c:pt idx="4">
                  <c:v>64974</c:v>
                </c:pt>
                <c:pt idx="5">
                  <c:v>63961</c:v>
                </c:pt>
                <c:pt idx="6">
                  <c:v>64972</c:v>
                </c:pt>
                <c:pt idx="7">
                  <c:v>65524</c:v>
                </c:pt>
                <c:pt idx="8">
                  <c:v>65528</c:v>
                </c:pt>
                <c:pt idx="9">
                  <c:v>65532</c:v>
                </c:pt>
                <c:pt idx="10">
                  <c:v>2</c:v>
                </c:pt>
                <c:pt idx="11">
                  <c:v>2</c:v>
                </c:pt>
                <c:pt idx="12">
                  <c:v>65535</c:v>
                </c:pt>
                <c:pt idx="13">
                  <c:v>65535</c:v>
                </c:pt>
                <c:pt idx="14">
                  <c:v>65534</c:v>
                </c:pt>
                <c:pt idx="15">
                  <c:v>65534</c:v>
                </c:pt>
                <c:pt idx="16">
                  <c:v>1</c:v>
                </c:pt>
                <c:pt idx="17">
                  <c:v>65535</c:v>
                </c:pt>
                <c:pt idx="18">
                  <c:v>65535</c:v>
                </c:pt>
                <c:pt idx="19">
                  <c:v>0</c:v>
                </c:pt>
                <c:pt idx="20">
                  <c:v>65532</c:v>
                </c:pt>
                <c:pt idx="21">
                  <c:v>2</c:v>
                </c:pt>
                <c:pt idx="22">
                  <c:v>41</c:v>
                </c:pt>
                <c:pt idx="23">
                  <c:v>752</c:v>
                </c:pt>
                <c:pt idx="24">
                  <c:v>4106</c:v>
                </c:pt>
                <c:pt idx="25">
                  <c:v>5028</c:v>
                </c:pt>
                <c:pt idx="26">
                  <c:v>5013</c:v>
                </c:pt>
                <c:pt idx="27">
                  <c:v>4973</c:v>
                </c:pt>
                <c:pt idx="28">
                  <c:v>4890</c:v>
                </c:pt>
                <c:pt idx="29">
                  <c:v>4760</c:v>
                </c:pt>
                <c:pt idx="30">
                  <c:v>4591</c:v>
                </c:pt>
                <c:pt idx="31">
                  <c:v>4387</c:v>
                </c:pt>
                <c:pt idx="32">
                  <c:v>4142</c:v>
                </c:pt>
                <c:pt idx="33">
                  <c:v>3861</c:v>
                </c:pt>
                <c:pt idx="34">
                  <c:v>3550</c:v>
                </c:pt>
                <c:pt idx="35">
                  <c:v>3196</c:v>
                </c:pt>
                <c:pt idx="36">
                  <c:v>2818</c:v>
                </c:pt>
                <c:pt idx="37">
                  <c:v>2417</c:v>
                </c:pt>
                <c:pt idx="38">
                  <c:v>1863</c:v>
                </c:pt>
                <c:pt idx="39">
                  <c:v>504</c:v>
                </c:pt>
                <c:pt idx="40">
                  <c:v>65390</c:v>
                </c:pt>
                <c:pt idx="41">
                  <c:v>65380</c:v>
                </c:pt>
                <c:pt idx="42">
                  <c:v>65378</c:v>
                </c:pt>
                <c:pt idx="43">
                  <c:v>65371</c:v>
                </c:pt>
                <c:pt idx="44">
                  <c:v>65376</c:v>
                </c:pt>
                <c:pt idx="45">
                  <c:v>65381</c:v>
                </c:pt>
                <c:pt idx="46">
                  <c:v>65377</c:v>
                </c:pt>
                <c:pt idx="47">
                  <c:v>65380</c:v>
                </c:pt>
                <c:pt idx="48">
                  <c:v>65381</c:v>
                </c:pt>
                <c:pt idx="49">
                  <c:v>65385</c:v>
                </c:pt>
                <c:pt idx="50">
                  <c:v>65378</c:v>
                </c:pt>
                <c:pt idx="51">
                  <c:v>65373</c:v>
                </c:pt>
                <c:pt idx="52">
                  <c:v>65374</c:v>
                </c:pt>
                <c:pt idx="53">
                  <c:v>65370</c:v>
                </c:pt>
                <c:pt idx="54">
                  <c:v>65363</c:v>
                </c:pt>
                <c:pt idx="55">
                  <c:v>64911</c:v>
                </c:pt>
                <c:pt idx="56">
                  <c:v>62910</c:v>
                </c:pt>
                <c:pt idx="57">
                  <c:v>60629</c:v>
                </c:pt>
                <c:pt idx="58">
                  <c:v>60315</c:v>
                </c:pt>
                <c:pt idx="59">
                  <c:v>60299</c:v>
                </c:pt>
                <c:pt idx="60">
                  <c:v>60512</c:v>
                </c:pt>
                <c:pt idx="61">
                  <c:v>62887</c:v>
                </c:pt>
                <c:pt idx="62">
                  <c:v>65185</c:v>
                </c:pt>
                <c:pt idx="63">
                  <c:v>65382</c:v>
                </c:pt>
                <c:pt idx="64">
                  <c:v>65378</c:v>
                </c:pt>
                <c:pt idx="65">
                  <c:v>65372</c:v>
                </c:pt>
                <c:pt idx="66">
                  <c:v>65374</c:v>
                </c:pt>
                <c:pt idx="67">
                  <c:v>65377</c:v>
                </c:pt>
                <c:pt idx="68">
                  <c:v>65379</c:v>
                </c:pt>
                <c:pt idx="69">
                  <c:v>65383</c:v>
                </c:pt>
                <c:pt idx="70">
                  <c:v>65348</c:v>
                </c:pt>
                <c:pt idx="71">
                  <c:v>64501</c:v>
                </c:pt>
                <c:pt idx="72">
                  <c:v>64130</c:v>
                </c:pt>
                <c:pt idx="73">
                  <c:v>65326</c:v>
                </c:pt>
                <c:pt idx="74">
                  <c:v>65533</c:v>
                </c:pt>
                <c:pt idx="75">
                  <c:v>65532</c:v>
                </c:pt>
                <c:pt idx="76">
                  <c:v>0</c:v>
                </c:pt>
                <c:pt idx="77">
                  <c:v>0</c:v>
                </c:pt>
                <c:pt idx="78">
                  <c:v>0</c:v>
                </c:pt>
                <c:pt idx="79">
                  <c:v>65534</c:v>
                </c:pt>
                <c:pt idx="80">
                  <c:v>65534</c:v>
                </c:pt>
                <c:pt idx="81">
                  <c:v>65531</c:v>
                </c:pt>
                <c:pt idx="82">
                  <c:v>65531</c:v>
                </c:pt>
                <c:pt idx="83">
                  <c:v>65528</c:v>
                </c:pt>
                <c:pt idx="84">
                  <c:v>65527</c:v>
                </c:pt>
                <c:pt idx="85">
                  <c:v>65529</c:v>
                </c:pt>
                <c:pt idx="86">
                  <c:v>65532</c:v>
                </c:pt>
                <c:pt idx="87">
                  <c:v>4</c:v>
                </c:pt>
                <c:pt idx="88">
                  <c:v>5</c:v>
                </c:pt>
                <c:pt idx="89">
                  <c:v>121</c:v>
                </c:pt>
                <c:pt idx="90">
                  <c:v>2019</c:v>
                </c:pt>
                <c:pt idx="91">
                  <c:v>4742</c:v>
                </c:pt>
                <c:pt idx="92">
                  <c:v>5016</c:v>
                </c:pt>
                <c:pt idx="93">
                  <c:v>5008</c:v>
                </c:pt>
                <c:pt idx="94">
                  <c:v>4954</c:v>
                </c:pt>
                <c:pt idx="95">
                  <c:v>4852</c:v>
                </c:pt>
                <c:pt idx="96">
                  <c:v>4709</c:v>
                </c:pt>
                <c:pt idx="97">
                  <c:v>4529</c:v>
                </c:pt>
                <c:pt idx="98">
                  <c:v>4310</c:v>
                </c:pt>
                <c:pt idx="99">
                  <c:v>4048</c:v>
                </c:pt>
                <c:pt idx="101">
                  <c:v>3753</c:v>
                </c:pt>
                <c:pt idx="102">
                  <c:v>3423</c:v>
                </c:pt>
                <c:pt idx="103">
                  <c:v>3065</c:v>
                </c:pt>
                <c:pt idx="104">
                  <c:v>2685</c:v>
                </c:pt>
                <c:pt idx="105">
                  <c:v>2263</c:v>
                </c:pt>
                <c:pt idx="106">
                  <c:v>1426</c:v>
                </c:pt>
                <c:pt idx="107">
                  <c:v>72</c:v>
                </c:pt>
                <c:pt idx="108">
                  <c:v>65379</c:v>
                </c:pt>
                <c:pt idx="109">
                  <c:v>65379</c:v>
                </c:pt>
                <c:pt idx="110">
                  <c:v>65379</c:v>
                </c:pt>
                <c:pt idx="111">
                  <c:v>65378</c:v>
                </c:pt>
                <c:pt idx="112">
                  <c:v>65381</c:v>
                </c:pt>
                <c:pt idx="113">
                  <c:v>65380</c:v>
                </c:pt>
                <c:pt idx="114">
                  <c:v>65381</c:v>
                </c:pt>
                <c:pt idx="115">
                  <c:v>65381</c:v>
                </c:pt>
                <c:pt idx="116">
                  <c:v>65378</c:v>
                </c:pt>
                <c:pt idx="117">
                  <c:v>65376</c:v>
                </c:pt>
                <c:pt idx="118">
                  <c:v>65379</c:v>
                </c:pt>
                <c:pt idx="119">
                  <c:v>65377</c:v>
                </c:pt>
                <c:pt idx="120">
                  <c:v>65381</c:v>
                </c:pt>
                <c:pt idx="121">
                  <c:v>65378</c:v>
                </c:pt>
                <c:pt idx="122">
                  <c:v>65376</c:v>
                </c:pt>
                <c:pt idx="123">
                  <c:v>64976</c:v>
                </c:pt>
                <c:pt idx="124">
                  <c:v>62404</c:v>
                </c:pt>
                <c:pt idx="125">
                  <c:v>60350</c:v>
                </c:pt>
                <c:pt idx="126">
                  <c:v>60303</c:v>
                </c:pt>
                <c:pt idx="127">
                  <c:v>60344</c:v>
                </c:pt>
                <c:pt idx="128">
                  <c:v>61657</c:v>
                </c:pt>
                <c:pt idx="129">
                  <c:v>64684</c:v>
                </c:pt>
                <c:pt idx="130">
                  <c:v>65376</c:v>
                </c:pt>
                <c:pt idx="131">
                  <c:v>65369</c:v>
                </c:pt>
                <c:pt idx="132">
                  <c:v>65377</c:v>
                </c:pt>
                <c:pt idx="133">
                  <c:v>65381</c:v>
                </c:pt>
                <c:pt idx="134">
                  <c:v>65382</c:v>
                </c:pt>
                <c:pt idx="135">
                  <c:v>65384</c:v>
                </c:pt>
                <c:pt idx="136">
                  <c:v>65382</c:v>
                </c:pt>
                <c:pt idx="137">
                  <c:v>65382</c:v>
                </c:pt>
                <c:pt idx="138">
                  <c:v>65220</c:v>
                </c:pt>
                <c:pt idx="139">
                  <c:v>64114</c:v>
                </c:pt>
                <c:pt idx="140">
                  <c:v>64562</c:v>
                </c:pt>
                <c:pt idx="141">
                  <c:v>65476</c:v>
                </c:pt>
                <c:pt idx="142">
                  <c:v>65528</c:v>
                </c:pt>
                <c:pt idx="143">
                  <c:v>65531</c:v>
                </c:pt>
                <c:pt idx="144">
                  <c:v>65530</c:v>
                </c:pt>
                <c:pt idx="145">
                  <c:v>65531</c:v>
                </c:pt>
                <c:pt idx="146">
                  <c:v>65531</c:v>
                </c:pt>
                <c:pt idx="147">
                  <c:v>0</c:v>
                </c:pt>
                <c:pt idx="148">
                  <c:v>65534</c:v>
                </c:pt>
                <c:pt idx="149">
                  <c:v>65529</c:v>
                </c:pt>
                <c:pt idx="150">
                  <c:v>65533</c:v>
                </c:pt>
                <c:pt idx="151">
                  <c:v>65532</c:v>
                </c:pt>
                <c:pt idx="152">
                  <c:v>65533</c:v>
                </c:pt>
                <c:pt idx="153">
                  <c:v>0</c:v>
                </c:pt>
                <c:pt idx="154">
                  <c:v>1</c:v>
                </c:pt>
                <c:pt idx="155">
                  <c:v>1</c:v>
                </c:pt>
                <c:pt idx="156">
                  <c:v>15</c:v>
                </c:pt>
                <c:pt idx="157">
                  <c:v>531</c:v>
                </c:pt>
                <c:pt idx="158">
                  <c:v>3483</c:v>
                </c:pt>
                <c:pt idx="159">
                  <c:v>5008</c:v>
                </c:pt>
                <c:pt idx="160">
                  <c:v>5014</c:v>
                </c:pt>
                <c:pt idx="161">
                  <c:v>4991</c:v>
                </c:pt>
                <c:pt idx="162">
                  <c:v>4919</c:v>
                </c:pt>
                <c:pt idx="163">
                  <c:v>4807</c:v>
                </c:pt>
                <c:pt idx="164">
                  <c:v>4650</c:v>
                </c:pt>
                <c:pt idx="165">
                  <c:v>4453</c:v>
                </c:pt>
                <c:pt idx="166">
                  <c:v>4221</c:v>
                </c:pt>
                <c:pt idx="167">
                  <c:v>3945</c:v>
                </c:pt>
                <c:pt idx="168">
                  <c:v>3648</c:v>
                </c:pt>
                <c:pt idx="169">
                  <c:v>3305</c:v>
                </c:pt>
                <c:pt idx="170">
                  <c:v>2939</c:v>
                </c:pt>
                <c:pt idx="171">
                  <c:v>2541</c:v>
                </c:pt>
                <c:pt idx="172">
                  <c:v>2076</c:v>
                </c:pt>
                <c:pt idx="173">
                  <c:v>894</c:v>
                </c:pt>
                <c:pt idx="174">
                  <c:v>65428</c:v>
                </c:pt>
                <c:pt idx="175">
                  <c:v>65375</c:v>
                </c:pt>
                <c:pt idx="176">
                  <c:v>65376</c:v>
                </c:pt>
                <c:pt idx="177">
                  <c:v>65382</c:v>
                </c:pt>
                <c:pt idx="178">
                  <c:v>65381</c:v>
                </c:pt>
                <c:pt idx="179">
                  <c:v>65378</c:v>
                </c:pt>
                <c:pt idx="180">
                  <c:v>65377</c:v>
                </c:pt>
                <c:pt idx="181">
                  <c:v>65380</c:v>
                </c:pt>
                <c:pt idx="182">
                  <c:v>65376</c:v>
                </c:pt>
                <c:pt idx="183">
                  <c:v>65380</c:v>
                </c:pt>
                <c:pt idx="184">
                  <c:v>65380</c:v>
                </c:pt>
                <c:pt idx="185">
                  <c:v>65377</c:v>
                </c:pt>
                <c:pt idx="186">
                  <c:v>65379</c:v>
                </c:pt>
                <c:pt idx="187">
                  <c:v>65374</c:v>
                </c:pt>
                <c:pt idx="188">
                  <c:v>65368</c:v>
                </c:pt>
                <c:pt idx="189">
                  <c:v>65143</c:v>
                </c:pt>
                <c:pt idx="190">
                  <c:v>63608</c:v>
                </c:pt>
                <c:pt idx="191">
                  <c:v>61071</c:v>
                </c:pt>
                <c:pt idx="192">
                  <c:v>60337</c:v>
                </c:pt>
                <c:pt idx="193">
                  <c:v>60301</c:v>
                </c:pt>
                <c:pt idx="194">
                  <c:v>60348</c:v>
                </c:pt>
                <c:pt idx="195">
                  <c:v>61932</c:v>
                </c:pt>
                <c:pt idx="196">
                  <c:v>64851</c:v>
                </c:pt>
                <c:pt idx="197">
                  <c:v>65375</c:v>
                </c:pt>
                <c:pt idx="198">
                  <c:v>65377</c:v>
                </c:pt>
                <c:pt idx="199">
                  <c:v>65376</c:v>
                </c:pt>
                <c:pt idx="200">
                  <c:v>6537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1883-4232-9D72-64D56551137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213227232"/>
        <c:axId val="213228192"/>
      </c:lineChart>
      <c:catAx>
        <c:axId val="213227232"/>
        <c:scaling>
          <c:orientation val="minMax"/>
        </c:scaling>
        <c:delete val="0"/>
        <c:axPos val="b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13228192"/>
        <c:crosses val="autoZero"/>
        <c:auto val="1"/>
        <c:lblAlgn val="ctr"/>
        <c:lblOffset val="100"/>
        <c:noMultiLvlLbl val="0"/>
      </c:catAx>
      <c:valAx>
        <c:axId val="21322819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1322723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zero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+/-0.2V</a:t>
            </a:r>
            <a:r>
              <a:rPr lang="en-US" baseline="0"/>
              <a:t> Sine wave</a:t>
            </a:r>
            <a:endParaRPr lang="en-US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val>
            <c:numRef>
              <c:f>Sheet4!$B$1:$B$1001</c:f>
              <c:numCache>
                <c:formatCode>General</c:formatCode>
                <c:ptCount val="1001"/>
                <c:pt idx="0">
                  <c:v>1136</c:v>
                </c:pt>
                <c:pt idx="1">
                  <c:v>1596</c:v>
                </c:pt>
                <c:pt idx="2">
                  <c:v>2030</c:v>
                </c:pt>
                <c:pt idx="3">
                  <c:v>2452</c:v>
                </c:pt>
                <c:pt idx="4">
                  <c:v>2849</c:v>
                </c:pt>
                <c:pt idx="5">
                  <c:v>3231</c:v>
                </c:pt>
                <c:pt idx="6">
                  <c:v>3571</c:v>
                </c:pt>
                <c:pt idx="7">
                  <c:v>3879</c:v>
                </c:pt>
                <c:pt idx="8">
                  <c:v>4155</c:v>
                </c:pt>
                <c:pt idx="9">
                  <c:v>4399</c:v>
                </c:pt>
                <c:pt idx="10">
                  <c:v>4593</c:v>
                </c:pt>
                <c:pt idx="11">
                  <c:v>4748</c:v>
                </c:pt>
                <c:pt idx="12">
                  <c:v>4857</c:v>
                </c:pt>
                <c:pt idx="13">
                  <c:v>4924</c:v>
                </c:pt>
                <c:pt idx="14">
                  <c:v>4953</c:v>
                </c:pt>
                <c:pt idx="15">
                  <c:v>4941</c:v>
                </c:pt>
                <c:pt idx="16">
                  <c:v>4871</c:v>
                </c:pt>
                <c:pt idx="17">
                  <c:v>4760</c:v>
                </c:pt>
                <c:pt idx="18">
                  <c:v>4606</c:v>
                </c:pt>
                <c:pt idx="19">
                  <c:v>4418</c:v>
                </c:pt>
                <c:pt idx="20">
                  <c:v>4193</c:v>
                </c:pt>
                <c:pt idx="21">
                  <c:v>3926</c:v>
                </c:pt>
                <c:pt idx="22">
                  <c:v>3622</c:v>
                </c:pt>
                <c:pt idx="23">
                  <c:v>3282</c:v>
                </c:pt>
                <c:pt idx="24">
                  <c:v>2916</c:v>
                </c:pt>
                <c:pt idx="25">
                  <c:v>2529</c:v>
                </c:pt>
                <c:pt idx="26">
                  <c:v>1694</c:v>
                </c:pt>
                <c:pt idx="27">
                  <c:v>176</c:v>
                </c:pt>
                <c:pt idx="28">
                  <c:v>65381</c:v>
                </c:pt>
                <c:pt idx="29">
                  <c:v>65374</c:v>
                </c:pt>
                <c:pt idx="30">
                  <c:v>65381</c:v>
                </c:pt>
                <c:pt idx="31">
                  <c:v>65387</c:v>
                </c:pt>
                <c:pt idx="32">
                  <c:v>65380</c:v>
                </c:pt>
                <c:pt idx="33">
                  <c:v>65378</c:v>
                </c:pt>
                <c:pt idx="34">
                  <c:v>65382</c:v>
                </c:pt>
                <c:pt idx="35">
                  <c:v>65380</c:v>
                </c:pt>
                <c:pt idx="36">
                  <c:v>65387</c:v>
                </c:pt>
                <c:pt idx="37">
                  <c:v>65378</c:v>
                </c:pt>
                <c:pt idx="38">
                  <c:v>65378</c:v>
                </c:pt>
                <c:pt idx="39">
                  <c:v>65385</c:v>
                </c:pt>
                <c:pt idx="40">
                  <c:v>65385</c:v>
                </c:pt>
                <c:pt idx="41">
                  <c:v>65373</c:v>
                </c:pt>
                <c:pt idx="42">
                  <c:v>65383</c:v>
                </c:pt>
                <c:pt idx="43">
                  <c:v>65383</c:v>
                </c:pt>
                <c:pt idx="44">
                  <c:v>65386</c:v>
                </c:pt>
                <c:pt idx="45">
                  <c:v>65380</c:v>
                </c:pt>
                <c:pt idx="46">
                  <c:v>65381</c:v>
                </c:pt>
                <c:pt idx="47">
                  <c:v>65378</c:v>
                </c:pt>
                <c:pt idx="48">
                  <c:v>65382</c:v>
                </c:pt>
                <c:pt idx="49">
                  <c:v>65377</c:v>
                </c:pt>
                <c:pt idx="50">
                  <c:v>65379</c:v>
                </c:pt>
                <c:pt idx="51">
                  <c:v>65381</c:v>
                </c:pt>
                <c:pt idx="52">
                  <c:v>65375</c:v>
                </c:pt>
                <c:pt idx="53">
                  <c:v>65377</c:v>
                </c:pt>
                <c:pt idx="54">
                  <c:v>65298</c:v>
                </c:pt>
                <c:pt idx="55">
                  <c:v>63482</c:v>
                </c:pt>
                <c:pt idx="56">
                  <c:v>61905</c:v>
                </c:pt>
                <c:pt idx="57">
                  <c:v>62234</c:v>
                </c:pt>
                <c:pt idx="58">
                  <c:v>62623</c:v>
                </c:pt>
                <c:pt idx="59">
                  <c:v>63043</c:v>
                </c:pt>
                <c:pt idx="60">
                  <c:v>63487</c:v>
                </c:pt>
                <c:pt idx="61">
                  <c:v>63952</c:v>
                </c:pt>
                <c:pt idx="62">
                  <c:v>64434</c:v>
                </c:pt>
                <c:pt idx="63">
                  <c:v>64911</c:v>
                </c:pt>
                <c:pt idx="64">
                  <c:v>65397</c:v>
                </c:pt>
                <c:pt idx="65">
                  <c:v>350</c:v>
                </c:pt>
                <c:pt idx="66">
                  <c:v>825</c:v>
                </c:pt>
                <c:pt idx="67">
                  <c:v>1297</c:v>
                </c:pt>
                <c:pt idx="68">
                  <c:v>1747</c:v>
                </c:pt>
                <c:pt idx="69">
                  <c:v>2191</c:v>
                </c:pt>
                <c:pt idx="70">
                  <c:v>2599</c:v>
                </c:pt>
                <c:pt idx="71">
                  <c:v>2990</c:v>
                </c:pt>
                <c:pt idx="72">
                  <c:v>3357</c:v>
                </c:pt>
                <c:pt idx="73">
                  <c:v>3695</c:v>
                </c:pt>
                <c:pt idx="74">
                  <c:v>3986</c:v>
                </c:pt>
                <c:pt idx="75">
                  <c:v>4248</c:v>
                </c:pt>
                <c:pt idx="76">
                  <c:v>4465</c:v>
                </c:pt>
                <c:pt idx="77">
                  <c:v>4647</c:v>
                </c:pt>
                <c:pt idx="78">
                  <c:v>4788</c:v>
                </c:pt>
                <c:pt idx="79">
                  <c:v>4882</c:v>
                </c:pt>
                <c:pt idx="80">
                  <c:v>4943</c:v>
                </c:pt>
                <c:pt idx="81">
                  <c:v>4958</c:v>
                </c:pt>
                <c:pt idx="82">
                  <c:v>4905</c:v>
                </c:pt>
                <c:pt idx="83">
                  <c:v>4827</c:v>
                </c:pt>
                <c:pt idx="84">
                  <c:v>4711</c:v>
                </c:pt>
                <c:pt idx="85">
                  <c:v>4537</c:v>
                </c:pt>
                <c:pt idx="86">
                  <c:v>4332</c:v>
                </c:pt>
                <c:pt idx="87">
                  <c:v>4093</c:v>
                </c:pt>
                <c:pt idx="88">
                  <c:v>3818</c:v>
                </c:pt>
                <c:pt idx="89">
                  <c:v>3510</c:v>
                </c:pt>
                <c:pt idx="90">
                  <c:v>3167</c:v>
                </c:pt>
                <c:pt idx="91">
                  <c:v>2794</c:v>
                </c:pt>
                <c:pt idx="92">
                  <c:v>2356</c:v>
                </c:pt>
                <c:pt idx="93">
                  <c:v>1114</c:v>
                </c:pt>
                <c:pt idx="94">
                  <c:v>65463</c:v>
                </c:pt>
                <c:pt idx="95">
                  <c:v>65379</c:v>
                </c:pt>
                <c:pt idx="96">
                  <c:v>65386</c:v>
                </c:pt>
                <c:pt idx="97">
                  <c:v>65382</c:v>
                </c:pt>
                <c:pt idx="98">
                  <c:v>65383</c:v>
                </c:pt>
                <c:pt idx="99">
                  <c:v>65379</c:v>
                </c:pt>
                <c:pt idx="100">
                  <c:v>65380</c:v>
                </c:pt>
                <c:pt idx="101">
                  <c:v>65386</c:v>
                </c:pt>
                <c:pt idx="102">
                  <c:v>65379</c:v>
                </c:pt>
                <c:pt idx="103">
                  <c:v>65387</c:v>
                </c:pt>
                <c:pt idx="104">
                  <c:v>65397</c:v>
                </c:pt>
                <c:pt idx="105">
                  <c:v>65387</c:v>
                </c:pt>
                <c:pt idx="106">
                  <c:v>65374</c:v>
                </c:pt>
                <c:pt idx="107">
                  <c:v>65373</c:v>
                </c:pt>
                <c:pt idx="108">
                  <c:v>65372</c:v>
                </c:pt>
                <c:pt idx="109">
                  <c:v>65375</c:v>
                </c:pt>
                <c:pt idx="110">
                  <c:v>65378</c:v>
                </c:pt>
                <c:pt idx="111">
                  <c:v>65378</c:v>
                </c:pt>
                <c:pt idx="112">
                  <c:v>65377</c:v>
                </c:pt>
                <c:pt idx="113">
                  <c:v>65384</c:v>
                </c:pt>
                <c:pt idx="114">
                  <c:v>65387</c:v>
                </c:pt>
                <c:pt idx="115">
                  <c:v>65380</c:v>
                </c:pt>
                <c:pt idx="116">
                  <c:v>65381</c:v>
                </c:pt>
                <c:pt idx="117">
                  <c:v>65384</c:v>
                </c:pt>
                <c:pt idx="118">
                  <c:v>65383</c:v>
                </c:pt>
                <c:pt idx="119">
                  <c:v>65382</c:v>
                </c:pt>
                <c:pt idx="120">
                  <c:v>65385</c:v>
                </c:pt>
                <c:pt idx="121">
                  <c:v>65044</c:v>
                </c:pt>
                <c:pt idx="122">
                  <c:v>62732</c:v>
                </c:pt>
                <c:pt idx="123">
                  <c:v>61988</c:v>
                </c:pt>
                <c:pt idx="124">
                  <c:v>62365</c:v>
                </c:pt>
                <c:pt idx="125">
                  <c:v>62775</c:v>
                </c:pt>
                <c:pt idx="126">
                  <c:v>63206</c:v>
                </c:pt>
                <c:pt idx="127">
                  <c:v>63650</c:v>
                </c:pt>
                <c:pt idx="128">
                  <c:v>64117</c:v>
                </c:pt>
                <c:pt idx="129">
                  <c:v>64597</c:v>
                </c:pt>
                <c:pt idx="130">
                  <c:v>65083</c:v>
                </c:pt>
                <c:pt idx="131">
                  <c:v>39</c:v>
                </c:pt>
                <c:pt idx="132">
                  <c:v>515</c:v>
                </c:pt>
                <c:pt idx="133">
                  <c:v>990</c:v>
                </c:pt>
                <c:pt idx="134">
                  <c:v>1462</c:v>
                </c:pt>
                <c:pt idx="135">
                  <c:v>1904</c:v>
                </c:pt>
                <c:pt idx="136">
                  <c:v>2327</c:v>
                </c:pt>
                <c:pt idx="137">
                  <c:v>2733</c:v>
                </c:pt>
                <c:pt idx="138">
                  <c:v>3111</c:v>
                </c:pt>
                <c:pt idx="139">
                  <c:v>3470</c:v>
                </c:pt>
                <c:pt idx="140">
                  <c:v>3787</c:v>
                </c:pt>
                <c:pt idx="141">
                  <c:v>4073</c:v>
                </c:pt>
                <c:pt idx="142">
                  <c:v>4322</c:v>
                </c:pt>
                <c:pt idx="143">
                  <c:v>4533</c:v>
                </c:pt>
                <c:pt idx="144">
                  <c:v>4702</c:v>
                </c:pt>
                <c:pt idx="145">
                  <c:v>4827</c:v>
                </c:pt>
                <c:pt idx="146">
                  <c:v>4915</c:v>
                </c:pt>
                <c:pt idx="147">
                  <c:v>4954</c:v>
                </c:pt>
                <c:pt idx="148">
                  <c:v>4943</c:v>
                </c:pt>
                <c:pt idx="149">
                  <c:v>4895</c:v>
                </c:pt>
                <c:pt idx="150">
                  <c:v>4800</c:v>
                </c:pt>
                <c:pt idx="151">
                  <c:v>4651</c:v>
                </c:pt>
                <c:pt idx="152">
                  <c:v>4480</c:v>
                </c:pt>
                <c:pt idx="153">
                  <c:v>4258</c:v>
                </c:pt>
                <c:pt idx="154">
                  <c:v>3993</c:v>
                </c:pt>
                <c:pt idx="155">
                  <c:v>3710</c:v>
                </c:pt>
                <c:pt idx="156">
                  <c:v>3392</c:v>
                </c:pt>
                <c:pt idx="157">
                  <c:v>3033</c:v>
                </c:pt>
                <c:pt idx="158">
                  <c:v>2637</c:v>
                </c:pt>
                <c:pt idx="159">
                  <c:v>2036</c:v>
                </c:pt>
                <c:pt idx="160">
                  <c:v>464</c:v>
                </c:pt>
                <c:pt idx="161">
                  <c:v>65386</c:v>
                </c:pt>
                <c:pt idx="162">
                  <c:v>65387</c:v>
                </c:pt>
                <c:pt idx="163">
                  <c:v>65385</c:v>
                </c:pt>
                <c:pt idx="164">
                  <c:v>65382</c:v>
                </c:pt>
                <c:pt idx="165">
                  <c:v>65388</c:v>
                </c:pt>
                <c:pt idx="166">
                  <c:v>65381</c:v>
                </c:pt>
                <c:pt idx="167">
                  <c:v>65381</c:v>
                </c:pt>
                <c:pt idx="168">
                  <c:v>65390</c:v>
                </c:pt>
                <c:pt idx="169">
                  <c:v>65383</c:v>
                </c:pt>
                <c:pt idx="170">
                  <c:v>65388</c:v>
                </c:pt>
                <c:pt idx="171">
                  <c:v>65386</c:v>
                </c:pt>
                <c:pt idx="172">
                  <c:v>65391</c:v>
                </c:pt>
                <c:pt idx="173">
                  <c:v>65390</c:v>
                </c:pt>
                <c:pt idx="174">
                  <c:v>65385</c:v>
                </c:pt>
                <c:pt idx="175">
                  <c:v>65394</c:v>
                </c:pt>
                <c:pt idx="176">
                  <c:v>65385</c:v>
                </c:pt>
                <c:pt idx="177">
                  <c:v>65380</c:v>
                </c:pt>
                <c:pt idx="178">
                  <c:v>65382</c:v>
                </c:pt>
                <c:pt idx="179">
                  <c:v>65378</c:v>
                </c:pt>
                <c:pt idx="180">
                  <c:v>65378</c:v>
                </c:pt>
                <c:pt idx="181">
                  <c:v>65380</c:v>
                </c:pt>
                <c:pt idx="182">
                  <c:v>65378</c:v>
                </c:pt>
                <c:pt idx="183">
                  <c:v>65391</c:v>
                </c:pt>
                <c:pt idx="184">
                  <c:v>65382</c:v>
                </c:pt>
                <c:pt idx="185">
                  <c:v>65382</c:v>
                </c:pt>
                <c:pt idx="186">
                  <c:v>65386</c:v>
                </c:pt>
                <c:pt idx="187">
                  <c:v>65373</c:v>
                </c:pt>
                <c:pt idx="188">
                  <c:v>64263</c:v>
                </c:pt>
                <c:pt idx="189">
                  <c:v>62002</c:v>
                </c:pt>
                <c:pt idx="190">
                  <c:v>62113</c:v>
                </c:pt>
                <c:pt idx="191">
                  <c:v>62506</c:v>
                </c:pt>
                <c:pt idx="192">
                  <c:v>62918</c:v>
                </c:pt>
                <c:pt idx="193">
                  <c:v>63363</c:v>
                </c:pt>
                <c:pt idx="194">
                  <c:v>63830</c:v>
                </c:pt>
                <c:pt idx="195">
                  <c:v>64297</c:v>
                </c:pt>
                <c:pt idx="196">
                  <c:v>64772</c:v>
                </c:pt>
                <c:pt idx="197">
                  <c:v>65258</c:v>
                </c:pt>
                <c:pt idx="198">
                  <c:v>214</c:v>
                </c:pt>
                <c:pt idx="199">
                  <c:v>694</c:v>
                </c:pt>
                <c:pt idx="200">
                  <c:v>1163</c:v>
                </c:pt>
                <c:pt idx="201">
                  <c:v>1616</c:v>
                </c:pt>
                <c:pt idx="202">
                  <c:v>2055</c:v>
                </c:pt>
                <c:pt idx="203">
                  <c:v>2482</c:v>
                </c:pt>
                <c:pt idx="204">
                  <c:v>2883</c:v>
                </c:pt>
                <c:pt idx="205">
                  <c:v>3258</c:v>
                </c:pt>
                <c:pt idx="206">
                  <c:v>3591</c:v>
                </c:pt>
                <c:pt idx="207">
                  <c:v>3901</c:v>
                </c:pt>
                <c:pt idx="208">
                  <c:v>4171</c:v>
                </c:pt>
                <c:pt idx="209">
                  <c:v>4400</c:v>
                </c:pt>
                <c:pt idx="210">
                  <c:v>4599</c:v>
                </c:pt>
                <c:pt idx="211">
                  <c:v>4757</c:v>
                </c:pt>
                <c:pt idx="212">
                  <c:v>4863</c:v>
                </c:pt>
                <c:pt idx="213">
                  <c:v>4926</c:v>
                </c:pt>
                <c:pt idx="214">
                  <c:v>4959</c:v>
                </c:pt>
                <c:pt idx="215">
                  <c:v>4933</c:v>
                </c:pt>
                <c:pt idx="216">
                  <c:v>4870</c:v>
                </c:pt>
                <c:pt idx="217">
                  <c:v>4757</c:v>
                </c:pt>
                <c:pt idx="218">
                  <c:v>4594</c:v>
                </c:pt>
                <c:pt idx="219">
                  <c:v>4404</c:v>
                </c:pt>
                <c:pt idx="220">
                  <c:v>4178</c:v>
                </c:pt>
                <c:pt idx="221">
                  <c:v>3897</c:v>
                </c:pt>
                <c:pt idx="222">
                  <c:v>3595</c:v>
                </c:pt>
                <c:pt idx="223">
                  <c:v>3257</c:v>
                </c:pt>
                <c:pt idx="224">
                  <c:v>2901</c:v>
                </c:pt>
                <c:pt idx="225">
                  <c:v>2496</c:v>
                </c:pt>
                <c:pt idx="226">
                  <c:v>1509</c:v>
                </c:pt>
                <c:pt idx="227">
                  <c:v>51</c:v>
                </c:pt>
                <c:pt idx="228">
                  <c:v>65383</c:v>
                </c:pt>
                <c:pt idx="229">
                  <c:v>65381</c:v>
                </c:pt>
                <c:pt idx="230">
                  <c:v>65380</c:v>
                </c:pt>
                <c:pt idx="231">
                  <c:v>65394</c:v>
                </c:pt>
                <c:pt idx="232">
                  <c:v>65388</c:v>
                </c:pt>
                <c:pt idx="233">
                  <c:v>65384</c:v>
                </c:pt>
                <c:pt idx="234">
                  <c:v>65387</c:v>
                </c:pt>
                <c:pt idx="235">
                  <c:v>65385</c:v>
                </c:pt>
                <c:pt idx="236">
                  <c:v>65380</c:v>
                </c:pt>
                <c:pt idx="237">
                  <c:v>65381</c:v>
                </c:pt>
                <c:pt idx="238">
                  <c:v>65384</c:v>
                </c:pt>
                <c:pt idx="239">
                  <c:v>65387</c:v>
                </c:pt>
                <c:pt idx="240">
                  <c:v>65383</c:v>
                </c:pt>
                <c:pt idx="241">
                  <c:v>65369</c:v>
                </c:pt>
                <c:pt idx="242">
                  <c:v>65373</c:v>
                </c:pt>
                <c:pt idx="243">
                  <c:v>65392</c:v>
                </c:pt>
                <c:pt idx="244">
                  <c:v>65395</c:v>
                </c:pt>
                <c:pt idx="245">
                  <c:v>65382</c:v>
                </c:pt>
                <c:pt idx="246">
                  <c:v>65381</c:v>
                </c:pt>
                <c:pt idx="247">
                  <c:v>65385</c:v>
                </c:pt>
                <c:pt idx="248">
                  <c:v>65371</c:v>
                </c:pt>
                <c:pt idx="249">
                  <c:v>65367</c:v>
                </c:pt>
                <c:pt idx="250">
                  <c:v>65381</c:v>
                </c:pt>
                <c:pt idx="251">
                  <c:v>65382</c:v>
                </c:pt>
                <c:pt idx="252">
                  <c:v>65379</c:v>
                </c:pt>
                <c:pt idx="253">
                  <c:v>65384</c:v>
                </c:pt>
                <c:pt idx="254">
                  <c:v>65170</c:v>
                </c:pt>
                <c:pt idx="255">
                  <c:v>63056</c:v>
                </c:pt>
                <c:pt idx="256">
                  <c:v>61895</c:v>
                </c:pt>
                <c:pt idx="257">
                  <c:v>62243</c:v>
                </c:pt>
                <c:pt idx="258">
                  <c:v>62649</c:v>
                </c:pt>
                <c:pt idx="259">
                  <c:v>63077</c:v>
                </c:pt>
                <c:pt idx="260">
                  <c:v>63521</c:v>
                </c:pt>
                <c:pt idx="261">
                  <c:v>63990</c:v>
                </c:pt>
                <c:pt idx="262">
                  <c:v>64468</c:v>
                </c:pt>
                <c:pt idx="263">
                  <c:v>64930</c:v>
                </c:pt>
                <c:pt idx="264">
                  <c:v>65426</c:v>
                </c:pt>
                <c:pt idx="265">
                  <c:v>388</c:v>
                </c:pt>
                <c:pt idx="266">
                  <c:v>872</c:v>
                </c:pt>
                <c:pt idx="267">
                  <c:v>1336</c:v>
                </c:pt>
                <c:pt idx="268">
                  <c:v>1772</c:v>
                </c:pt>
                <c:pt idx="269">
                  <c:v>2215</c:v>
                </c:pt>
                <c:pt idx="270">
                  <c:v>2627</c:v>
                </c:pt>
                <c:pt idx="271">
                  <c:v>3014</c:v>
                </c:pt>
                <c:pt idx="272">
                  <c:v>3377</c:v>
                </c:pt>
                <c:pt idx="273">
                  <c:v>3711</c:v>
                </c:pt>
                <c:pt idx="274">
                  <c:v>4001</c:v>
                </c:pt>
                <c:pt idx="275">
                  <c:v>4266</c:v>
                </c:pt>
                <c:pt idx="276">
                  <c:v>4470</c:v>
                </c:pt>
                <c:pt idx="277">
                  <c:v>4649</c:v>
                </c:pt>
                <c:pt idx="278">
                  <c:v>4791</c:v>
                </c:pt>
                <c:pt idx="279">
                  <c:v>4888</c:v>
                </c:pt>
                <c:pt idx="280">
                  <c:v>4947</c:v>
                </c:pt>
                <c:pt idx="281">
                  <c:v>4947</c:v>
                </c:pt>
                <c:pt idx="282">
                  <c:v>4896</c:v>
                </c:pt>
                <c:pt idx="283">
                  <c:v>4821</c:v>
                </c:pt>
                <c:pt idx="284">
                  <c:v>4705</c:v>
                </c:pt>
                <c:pt idx="285">
                  <c:v>4542</c:v>
                </c:pt>
                <c:pt idx="286">
                  <c:v>4332</c:v>
                </c:pt>
                <c:pt idx="287">
                  <c:v>4082</c:v>
                </c:pt>
                <c:pt idx="288">
                  <c:v>3811</c:v>
                </c:pt>
                <c:pt idx="289">
                  <c:v>3499</c:v>
                </c:pt>
                <c:pt idx="290">
                  <c:v>3137</c:v>
                </c:pt>
                <c:pt idx="291">
                  <c:v>2762</c:v>
                </c:pt>
                <c:pt idx="292">
                  <c:v>2170</c:v>
                </c:pt>
                <c:pt idx="293">
                  <c:v>615</c:v>
                </c:pt>
                <c:pt idx="294">
                  <c:v>65400</c:v>
                </c:pt>
                <c:pt idx="295">
                  <c:v>65388</c:v>
                </c:pt>
                <c:pt idx="296">
                  <c:v>65379</c:v>
                </c:pt>
                <c:pt idx="297">
                  <c:v>65386</c:v>
                </c:pt>
                <c:pt idx="298">
                  <c:v>65386</c:v>
                </c:pt>
                <c:pt idx="299">
                  <c:v>65391</c:v>
                </c:pt>
                <c:pt idx="300">
                  <c:v>65389</c:v>
                </c:pt>
                <c:pt idx="301">
                  <c:v>65387</c:v>
                </c:pt>
                <c:pt idx="302">
                  <c:v>65387</c:v>
                </c:pt>
                <c:pt idx="303">
                  <c:v>65380</c:v>
                </c:pt>
                <c:pt idx="304">
                  <c:v>65372</c:v>
                </c:pt>
                <c:pt idx="305">
                  <c:v>65387</c:v>
                </c:pt>
                <c:pt idx="306">
                  <c:v>65384</c:v>
                </c:pt>
                <c:pt idx="307">
                  <c:v>65382</c:v>
                </c:pt>
                <c:pt idx="308">
                  <c:v>65387</c:v>
                </c:pt>
                <c:pt idx="309">
                  <c:v>65377</c:v>
                </c:pt>
                <c:pt idx="310">
                  <c:v>65381</c:v>
                </c:pt>
                <c:pt idx="311">
                  <c:v>65365</c:v>
                </c:pt>
                <c:pt idx="312">
                  <c:v>65362</c:v>
                </c:pt>
                <c:pt idx="313">
                  <c:v>65372</c:v>
                </c:pt>
                <c:pt idx="314">
                  <c:v>65379</c:v>
                </c:pt>
                <c:pt idx="315">
                  <c:v>65385</c:v>
                </c:pt>
                <c:pt idx="316">
                  <c:v>65384</c:v>
                </c:pt>
                <c:pt idx="317">
                  <c:v>65383</c:v>
                </c:pt>
                <c:pt idx="318">
                  <c:v>65381</c:v>
                </c:pt>
                <c:pt idx="319">
                  <c:v>65381</c:v>
                </c:pt>
                <c:pt idx="320">
                  <c:v>65385</c:v>
                </c:pt>
                <c:pt idx="321">
                  <c:v>64945</c:v>
                </c:pt>
                <c:pt idx="322">
                  <c:v>62478</c:v>
                </c:pt>
                <c:pt idx="323">
                  <c:v>61983</c:v>
                </c:pt>
                <c:pt idx="324">
                  <c:v>62387</c:v>
                </c:pt>
                <c:pt idx="325">
                  <c:v>62790</c:v>
                </c:pt>
                <c:pt idx="326">
                  <c:v>63222</c:v>
                </c:pt>
                <c:pt idx="327">
                  <c:v>63683</c:v>
                </c:pt>
                <c:pt idx="328">
                  <c:v>64145</c:v>
                </c:pt>
                <c:pt idx="329">
                  <c:v>64627</c:v>
                </c:pt>
                <c:pt idx="330">
                  <c:v>65105</c:v>
                </c:pt>
                <c:pt idx="331">
                  <c:v>67</c:v>
                </c:pt>
                <c:pt idx="332">
                  <c:v>555</c:v>
                </c:pt>
                <c:pt idx="333">
                  <c:v>1028</c:v>
                </c:pt>
                <c:pt idx="334">
                  <c:v>1493</c:v>
                </c:pt>
                <c:pt idx="335">
                  <c:v>1928</c:v>
                </c:pt>
                <c:pt idx="336">
                  <c:v>2361</c:v>
                </c:pt>
                <c:pt idx="337">
                  <c:v>2777</c:v>
                </c:pt>
                <c:pt idx="338">
                  <c:v>3138</c:v>
                </c:pt>
                <c:pt idx="339">
                  <c:v>3489</c:v>
                </c:pt>
                <c:pt idx="340">
                  <c:v>3811</c:v>
                </c:pt>
                <c:pt idx="341">
                  <c:v>4089</c:v>
                </c:pt>
                <c:pt idx="342">
                  <c:v>4337</c:v>
                </c:pt>
                <c:pt idx="343">
                  <c:v>4543</c:v>
                </c:pt>
                <c:pt idx="344">
                  <c:v>4708</c:v>
                </c:pt>
                <c:pt idx="345">
                  <c:v>4839</c:v>
                </c:pt>
                <c:pt idx="346">
                  <c:v>4920</c:v>
                </c:pt>
                <c:pt idx="347">
                  <c:v>4959</c:v>
                </c:pt>
                <c:pt idx="348">
                  <c:v>4949</c:v>
                </c:pt>
                <c:pt idx="349">
                  <c:v>4893</c:v>
                </c:pt>
                <c:pt idx="350">
                  <c:v>4781</c:v>
                </c:pt>
                <c:pt idx="351">
                  <c:v>4642</c:v>
                </c:pt>
                <c:pt idx="352">
                  <c:v>4468</c:v>
                </c:pt>
                <c:pt idx="353">
                  <c:v>4246</c:v>
                </c:pt>
                <c:pt idx="354">
                  <c:v>3983</c:v>
                </c:pt>
                <c:pt idx="355">
                  <c:v>3684</c:v>
                </c:pt>
                <c:pt idx="356">
                  <c:v>3365</c:v>
                </c:pt>
                <c:pt idx="357">
                  <c:v>3016</c:v>
                </c:pt>
                <c:pt idx="358">
                  <c:v>2624</c:v>
                </c:pt>
                <c:pt idx="359">
                  <c:v>2019</c:v>
                </c:pt>
                <c:pt idx="360">
                  <c:v>454</c:v>
                </c:pt>
                <c:pt idx="361">
                  <c:v>65387</c:v>
                </c:pt>
                <c:pt idx="362">
                  <c:v>65384</c:v>
                </c:pt>
                <c:pt idx="363">
                  <c:v>65377</c:v>
                </c:pt>
                <c:pt idx="364">
                  <c:v>65377</c:v>
                </c:pt>
                <c:pt idx="365">
                  <c:v>65381</c:v>
                </c:pt>
                <c:pt idx="366">
                  <c:v>65382</c:v>
                </c:pt>
                <c:pt idx="367">
                  <c:v>65380</c:v>
                </c:pt>
                <c:pt idx="368">
                  <c:v>65380</c:v>
                </c:pt>
                <c:pt idx="369">
                  <c:v>65381</c:v>
                </c:pt>
                <c:pt idx="370">
                  <c:v>65376</c:v>
                </c:pt>
                <c:pt idx="371">
                  <c:v>65380</c:v>
                </c:pt>
                <c:pt idx="372">
                  <c:v>65385</c:v>
                </c:pt>
                <c:pt idx="373">
                  <c:v>65395</c:v>
                </c:pt>
                <c:pt idx="374">
                  <c:v>65392</c:v>
                </c:pt>
                <c:pt idx="375">
                  <c:v>65382</c:v>
                </c:pt>
                <c:pt idx="376">
                  <c:v>65388</c:v>
                </c:pt>
                <c:pt idx="377">
                  <c:v>65384</c:v>
                </c:pt>
                <c:pt idx="378">
                  <c:v>65374</c:v>
                </c:pt>
                <c:pt idx="379">
                  <c:v>65379</c:v>
                </c:pt>
                <c:pt idx="380">
                  <c:v>65385</c:v>
                </c:pt>
                <c:pt idx="381">
                  <c:v>65397</c:v>
                </c:pt>
                <c:pt idx="382">
                  <c:v>65390</c:v>
                </c:pt>
                <c:pt idx="383">
                  <c:v>65382</c:v>
                </c:pt>
                <c:pt idx="384">
                  <c:v>65385</c:v>
                </c:pt>
                <c:pt idx="385">
                  <c:v>65382</c:v>
                </c:pt>
                <c:pt idx="386">
                  <c:v>65382</c:v>
                </c:pt>
                <c:pt idx="387">
                  <c:v>65383</c:v>
                </c:pt>
                <c:pt idx="388">
                  <c:v>64548</c:v>
                </c:pt>
                <c:pt idx="389">
                  <c:v>62224</c:v>
                </c:pt>
                <c:pt idx="390">
                  <c:v>62133</c:v>
                </c:pt>
                <c:pt idx="391">
                  <c:v>62532</c:v>
                </c:pt>
                <c:pt idx="392">
                  <c:v>62949</c:v>
                </c:pt>
                <c:pt idx="393">
                  <c:v>63387</c:v>
                </c:pt>
                <c:pt idx="394">
                  <c:v>63846</c:v>
                </c:pt>
                <c:pt idx="395">
                  <c:v>64317</c:v>
                </c:pt>
                <c:pt idx="396">
                  <c:v>64803</c:v>
                </c:pt>
                <c:pt idx="397">
                  <c:v>65282</c:v>
                </c:pt>
                <c:pt idx="398">
                  <c:v>241</c:v>
                </c:pt>
                <c:pt idx="399">
                  <c:v>721</c:v>
                </c:pt>
                <c:pt idx="400">
                  <c:v>1192</c:v>
                </c:pt>
                <c:pt idx="401">
                  <c:v>1638</c:v>
                </c:pt>
                <c:pt idx="402">
                  <c:v>2078</c:v>
                </c:pt>
                <c:pt idx="403">
                  <c:v>2508</c:v>
                </c:pt>
                <c:pt idx="404">
                  <c:v>2906</c:v>
                </c:pt>
                <c:pt idx="405">
                  <c:v>3271</c:v>
                </c:pt>
                <c:pt idx="406">
                  <c:v>3602</c:v>
                </c:pt>
                <c:pt idx="407">
                  <c:v>3917</c:v>
                </c:pt>
                <c:pt idx="408">
                  <c:v>4184</c:v>
                </c:pt>
                <c:pt idx="409">
                  <c:v>4406</c:v>
                </c:pt>
                <c:pt idx="410">
                  <c:v>4601</c:v>
                </c:pt>
                <c:pt idx="411">
                  <c:v>4758</c:v>
                </c:pt>
                <c:pt idx="412">
                  <c:v>4865</c:v>
                </c:pt>
                <c:pt idx="413">
                  <c:v>4927</c:v>
                </c:pt>
                <c:pt idx="414">
                  <c:v>4949</c:v>
                </c:pt>
                <c:pt idx="415">
                  <c:v>4920</c:v>
                </c:pt>
                <c:pt idx="416">
                  <c:v>4844</c:v>
                </c:pt>
                <c:pt idx="417">
                  <c:v>4742</c:v>
                </c:pt>
                <c:pt idx="418">
                  <c:v>4589</c:v>
                </c:pt>
                <c:pt idx="419">
                  <c:v>4388</c:v>
                </c:pt>
                <c:pt idx="420">
                  <c:v>4157</c:v>
                </c:pt>
                <c:pt idx="421">
                  <c:v>3878</c:v>
                </c:pt>
                <c:pt idx="422">
                  <c:v>3578</c:v>
                </c:pt>
                <c:pt idx="423">
                  <c:v>3240</c:v>
                </c:pt>
                <c:pt idx="424">
                  <c:v>2877</c:v>
                </c:pt>
                <c:pt idx="425">
                  <c:v>2468</c:v>
                </c:pt>
                <c:pt idx="426">
                  <c:v>1464</c:v>
                </c:pt>
                <c:pt idx="427">
                  <c:v>23</c:v>
                </c:pt>
                <c:pt idx="428">
                  <c:v>65387</c:v>
                </c:pt>
                <c:pt idx="429">
                  <c:v>65386</c:v>
                </c:pt>
                <c:pt idx="430">
                  <c:v>65386</c:v>
                </c:pt>
                <c:pt idx="431">
                  <c:v>65386</c:v>
                </c:pt>
                <c:pt idx="432">
                  <c:v>65386</c:v>
                </c:pt>
                <c:pt idx="433">
                  <c:v>65382</c:v>
                </c:pt>
                <c:pt idx="434">
                  <c:v>65379</c:v>
                </c:pt>
                <c:pt idx="435">
                  <c:v>65378</c:v>
                </c:pt>
                <c:pt idx="436">
                  <c:v>65372</c:v>
                </c:pt>
                <c:pt idx="437">
                  <c:v>65381</c:v>
                </c:pt>
                <c:pt idx="438">
                  <c:v>65375</c:v>
                </c:pt>
                <c:pt idx="439">
                  <c:v>65379</c:v>
                </c:pt>
                <c:pt idx="440">
                  <c:v>65385</c:v>
                </c:pt>
                <c:pt idx="441">
                  <c:v>65384</c:v>
                </c:pt>
                <c:pt idx="442">
                  <c:v>65373</c:v>
                </c:pt>
                <c:pt idx="443">
                  <c:v>65375</c:v>
                </c:pt>
                <c:pt idx="444">
                  <c:v>65377</c:v>
                </c:pt>
                <c:pt idx="445">
                  <c:v>65375</c:v>
                </c:pt>
                <c:pt idx="446">
                  <c:v>65378</c:v>
                </c:pt>
                <c:pt idx="447">
                  <c:v>65365</c:v>
                </c:pt>
                <c:pt idx="448">
                  <c:v>65381</c:v>
                </c:pt>
                <c:pt idx="449">
                  <c:v>65383</c:v>
                </c:pt>
                <c:pt idx="450">
                  <c:v>65394</c:v>
                </c:pt>
                <c:pt idx="451">
                  <c:v>65381</c:v>
                </c:pt>
                <c:pt idx="452">
                  <c:v>65379</c:v>
                </c:pt>
                <c:pt idx="453">
                  <c:v>65384</c:v>
                </c:pt>
                <c:pt idx="454">
                  <c:v>65275</c:v>
                </c:pt>
                <c:pt idx="455">
                  <c:v>63390</c:v>
                </c:pt>
                <c:pt idx="456">
                  <c:v>61941</c:v>
                </c:pt>
                <c:pt idx="457">
                  <c:v>62284</c:v>
                </c:pt>
                <c:pt idx="458">
                  <c:v>62674</c:v>
                </c:pt>
                <c:pt idx="459">
                  <c:v>63100</c:v>
                </c:pt>
                <c:pt idx="460">
                  <c:v>63551</c:v>
                </c:pt>
                <c:pt idx="461">
                  <c:v>64008</c:v>
                </c:pt>
                <c:pt idx="462">
                  <c:v>64479</c:v>
                </c:pt>
                <c:pt idx="463">
                  <c:v>64969</c:v>
                </c:pt>
                <c:pt idx="464">
                  <c:v>65464</c:v>
                </c:pt>
                <c:pt idx="465">
                  <c:v>409</c:v>
                </c:pt>
                <c:pt idx="466">
                  <c:v>886</c:v>
                </c:pt>
                <c:pt idx="467">
                  <c:v>1354</c:v>
                </c:pt>
                <c:pt idx="468">
                  <c:v>1806</c:v>
                </c:pt>
                <c:pt idx="469">
                  <c:v>2240</c:v>
                </c:pt>
                <c:pt idx="470">
                  <c:v>2646</c:v>
                </c:pt>
                <c:pt idx="471">
                  <c:v>3036</c:v>
                </c:pt>
                <c:pt idx="472">
                  <c:v>3396</c:v>
                </c:pt>
                <c:pt idx="473">
                  <c:v>3723</c:v>
                </c:pt>
                <c:pt idx="474">
                  <c:v>4014</c:v>
                </c:pt>
                <c:pt idx="475">
                  <c:v>4267</c:v>
                </c:pt>
                <c:pt idx="476">
                  <c:v>4482</c:v>
                </c:pt>
                <c:pt idx="477">
                  <c:v>4671</c:v>
                </c:pt>
                <c:pt idx="478">
                  <c:v>4801</c:v>
                </c:pt>
                <c:pt idx="479">
                  <c:v>4889</c:v>
                </c:pt>
                <c:pt idx="480">
                  <c:v>4939</c:v>
                </c:pt>
                <c:pt idx="481">
                  <c:v>4953</c:v>
                </c:pt>
                <c:pt idx="482">
                  <c:v>4906</c:v>
                </c:pt>
                <c:pt idx="483">
                  <c:v>4816</c:v>
                </c:pt>
                <c:pt idx="484">
                  <c:v>4693</c:v>
                </c:pt>
                <c:pt idx="485">
                  <c:v>4519</c:v>
                </c:pt>
                <c:pt idx="486">
                  <c:v>4303</c:v>
                </c:pt>
                <c:pt idx="487">
                  <c:v>4055</c:v>
                </c:pt>
                <c:pt idx="488">
                  <c:v>3775</c:v>
                </c:pt>
                <c:pt idx="489">
                  <c:v>3468</c:v>
                </c:pt>
                <c:pt idx="490">
                  <c:v>3125</c:v>
                </c:pt>
                <c:pt idx="491">
                  <c:v>2743</c:v>
                </c:pt>
                <c:pt idx="492">
                  <c:v>2323</c:v>
                </c:pt>
                <c:pt idx="493">
                  <c:v>1404</c:v>
                </c:pt>
                <c:pt idx="494">
                  <c:v>83</c:v>
                </c:pt>
                <c:pt idx="495">
                  <c:v>65397</c:v>
                </c:pt>
                <c:pt idx="496">
                  <c:v>65387</c:v>
                </c:pt>
                <c:pt idx="497">
                  <c:v>65384</c:v>
                </c:pt>
                <c:pt idx="498">
                  <c:v>65374</c:v>
                </c:pt>
                <c:pt idx="499">
                  <c:v>65379</c:v>
                </c:pt>
                <c:pt idx="500">
                  <c:v>65384</c:v>
                </c:pt>
                <c:pt idx="501">
                  <c:v>65386</c:v>
                </c:pt>
                <c:pt idx="502">
                  <c:v>65388</c:v>
                </c:pt>
                <c:pt idx="503">
                  <c:v>65380</c:v>
                </c:pt>
                <c:pt idx="504">
                  <c:v>65389</c:v>
                </c:pt>
                <c:pt idx="505">
                  <c:v>65388</c:v>
                </c:pt>
                <c:pt idx="506">
                  <c:v>65380</c:v>
                </c:pt>
                <c:pt idx="507">
                  <c:v>65395</c:v>
                </c:pt>
                <c:pt idx="508">
                  <c:v>65391</c:v>
                </c:pt>
                <c:pt idx="509">
                  <c:v>65382</c:v>
                </c:pt>
                <c:pt idx="510">
                  <c:v>65373</c:v>
                </c:pt>
                <c:pt idx="511">
                  <c:v>65371</c:v>
                </c:pt>
                <c:pt idx="512">
                  <c:v>65382</c:v>
                </c:pt>
                <c:pt idx="513">
                  <c:v>65380</c:v>
                </c:pt>
                <c:pt idx="514">
                  <c:v>65378</c:v>
                </c:pt>
                <c:pt idx="515">
                  <c:v>65387</c:v>
                </c:pt>
                <c:pt idx="516">
                  <c:v>65396</c:v>
                </c:pt>
                <c:pt idx="517">
                  <c:v>65387</c:v>
                </c:pt>
                <c:pt idx="518">
                  <c:v>65385</c:v>
                </c:pt>
                <c:pt idx="519">
                  <c:v>65386</c:v>
                </c:pt>
                <c:pt idx="520">
                  <c:v>65388</c:v>
                </c:pt>
                <c:pt idx="521">
                  <c:v>65051</c:v>
                </c:pt>
                <c:pt idx="522">
                  <c:v>62761</c:v>
                </c:pt>
                <c:pt idx="523">
                  <c:v>62030</c:v>
                </c:pt>
                <c:pt idx="524">
                  <c:v>62406</c:v>
                </c:pt>
                <c:pt idx="525">
                  <c:v>62822</c:v>
                </c:pt>
                <c:pt idx="526">
                  <c:v>63246</c:v>
                </c:pt>
                <c:pt idx="527">
                  <c:v>63711</c:v>
                </c:pt>
                <c:pt idx="528">
                  <c:v>64181</c:v>
                </c:pt>
                <c:pt idx="529">
                  <c:v>64653</c:v>
                </c:pt>
                <c:pt idx="530">
                  <c:v>65133</c:v>
                </c:pt>
                <c:pt idx="531">
                  <c:v>97</c:v>
                </c:pt>
                <c:pt idx="532">
                  <c:v>584</c:v>
                </c:pt>
                <c:pt idx="533">
                  <c:v>1053</c:v>
                </c:pt>
                <c:pt idx="534">
                  <c:v>1505</c:v>
                </c:pt>
                <c:pt idx="535">
                  <c:v>1959</c:v>
                </c:pt>
                <c:pt idx="536">
                  <c:v>2391</c:v>
                </c:pt>
                <c:pt idx="537">
                  <c:v>2802</c:v>
                </c:pt>
                <c:pt idx="538">
                  <c:v>3174</c:v>
                </c:pt>
                <c:pt idx="539">
                  <c:v>3516</c:v>
                </c:pt>
                <c:pt idx="540">
                  <c:v>3841</c:v>
                </c:pt>
                <c:pt idx="541">
                  <c:v>4122</c:v>
                </c:pt>
                <c:pt idx="542">
                  <c:v>4350</c:v>
                </c:pt>
                <c:pt idx="543">
                  <c:v>4557</c:v>
                </c:pt>
                <c:pt idx="544">
                  <c:v>4727</c:v>
                </c:pt>
                <c:pt idx="545">
                  <c:v>4847</c:v>
                </c:pt>
                <c:pt idx="546">
                  <c:v>4914</c:v>
                </c:pt>
                <c:pt idx="547">
                  <c:v>4950</c:v>
                </c:pt>
                <c:pt idx="548">
                  <c:v>4937</c:v>
                </c:pt>
                <c:pt idx="549">
                  <c:v>4880</c:v>
                </c:pt>
                <c:pt idx="550">
                  <c:v>4777</c:v>
                </c:pt>
                <c:pt idx="551">
                  <c:v>4633</c:v>
                </c:pt>
                <c:pt idx="552">
                  <c:v>4446</c:v>
                </c:pt>
                <c:pt idx="553">
                  <c:v>4229</c:v>
                </c:pt>
                <c:pt idx="554">
                  <c:v>3968</c:v>
                </c:pt>
                <c:pt idx="555">
                  <c:v>3687</c:v>
                </c:pt>
                <c:pt idx="556">
                  <c:v>3352</c:v>
                </c:pt>
                <c:pt idx="557">
                  <c:v>2979</c:v>
                </c:pt>
                <c:pt idx="558">
                  <c:v>2589</c:v>
                </c:pt>
                <c:pt idx="559">
                  <c:v>2116</c:v>
                </c:pt>
                <c:pt idx="560">
                  <c:v>876</c:v>
                </c:pt>
                <c:pt idx="561">
                  <c:v>65440</c:v>
                </c:pt>
                <c:pt idx="562">
                  <c:v>65374</c:v>
                </c:pt>
                <c:pt idx="563">
                  <c:v>65385</c:v>
                </c:pt>
                <c:pt idx="564">
                  <c:v>65383</c:v>
                </c:pt>
                <c:pt idx="565">
                  <c:v>65369</c:v>
                </c:pt>
                <c:pt idx="566">
                  <c:v>65380</c:v>
                </c:pt>
                <c:pt idx="567">
                  <c:v>65391</c:v>
                </c:pt>
                <c:pt idx="568">
                  <c:v>65387</c:v>
                </c:pt>
                <c:pt idx="569">
                  <c:v>65372</c:v>
                </c:pt>
                <c:pt idx="570">
                  <c:v>65376</c:v>
                </c:pt>
                <c:pt idx="571">
                  <c:v>65385</c:v>
                </c:pt>
                <c:pt idx="572">
                  <c:v>65375</c:v>
                </c:pt>
                <c:pt idx="573">
                  <c:v>65381</c:v>
                </c:pt>
                <c:pt idx="574">
                  <c:v>65379</c:v>
                </c:pt>
                <c:pt idx="575">
                  <c:v>65383</c:v>
                </c:pt>
                <c:pt idx="576">
                  <c:v>65367</c:v>
                </c:pt>
                <c:pt idx="577">
                  <c:v>65369</c:v>
                </c:pt>
                <c:pt idx="578">
                  <c:v>65368</c:v>
                </c:pt>
                <c:pt idx="579">
                  <c:v>65346</c:v>
                </c:pt>
                <c:pt idx="580">
                  <c:v>65362</c:v>
                </c:pt>
                <c:pt idx="581">
                  <c:v>65384</c:v>
                </c:pt>
                <c:pt idx="582">
                  <c:v>65379</c:v>
                </c:pt>
                <c:pt idx="583">
                  <c:v>65378</c:v>
                </c:pt>
                <c:pt idx="584">
                  <c:v>65384</c:v>
                </c:pt>
                <c:pt idx="585">
                  <c:v>65379</c:v>
                </c:pt>
                <c:pt idx="586">
                  <c:v>65382</c:v>
                </c:pt>
                <c:pt idx="587">
                  <c:v>65371</c:v>
                </c:pt>
                <c:pt idx="588">
                  <c:v>64225</c:v>
                </c:pt>
                <c:pt idx="589">
                  <c:v>62053</c:v>
                </c:pt>
                <c:pt idx="590">
                  <c:v>62158</c:v>
                </c:pt>
                <c:pt idx="591">
                  <c:v>62550</c:v>
                </c:pt>
                <c:pt idx="592">
                  <c:v>62974</c:v>
                </c:pt>
                <c:pt idx="593">
                  <c:v>63415</c:v>
                </c:pt>
                <c:pt idx="594">
                  <c:v>63869</c:v>
                </c:pt>
                <c:pt idx="595">
                  <c:v>64340</c:v>
                </c:pt>
                <c:pt idx="596">
                  <c:v>64830</c:v>
                </c:pt>
                <c:pt idx="597">
                  <c:v>65319</c:v>
                </c:pt>
                <c:pt idx="598">
                  <c:v>273</c:v>
                </c:pt>
                <c:pt idx="599">
                  <c:v>750</c:v>
                </c:pt>
                <c:pt idx="600">
                  <c:v>1224</c:v>
                </c:pt>
                <c:pt idx="601">
                  <c:v>1672</c:v>
                </c:pt>
                <c:pt idx="602">
                  <c:v>2116</c:v>
                </c:pt>
                <c:pt idx="603">
                  <c:v>2524</c:v>
                </c:pt>
                <c:pt idx="604">
                  <c:v>2925</c:v>
                </c:pt>
                <c:pt idx="605">
                  <c:v>3293</c:v>
                </c:pt>
                <c:pt idx="606">
                  <c:v>3631</c:v>
                </c:pt>
                <c:pt idx="607">
                  <c:v>3936</c:v>
                </c:pt>
                <c:pt idx="608">
                  <c:v>4207</c:v>
                </c:pt>
                <c:pt idx="609">
                  <c:v>4427</c:v>
                </c:pt>
                <c:pt idx="610">
                  <c:v>4614</c:v>
                </c:pt>
                <c:pt idx="611">
                  <c:v>4768</c:v>
                </c:pt>
                <c:pt idx="612">
                  <c:v>4875</c:v>
                </c:pt>
                <c:pt idx="613">
                  <c:v>4933</c:v>
                </c:pt>
                <c:pt idx="614">
                  <c:v>4961</c:v>
                </c:pt>
                <c:pt idx="615">
                  <c:v>4935</c:v>
                </c:pt>
                <c:pt idx="616">
                  <c:v>4855</c:v>
                </c:pt>
                <c:pt idx="617">
                  <c:v>4735</c:v>
                </c:pt>
                <c:pt idx="618">
                  <c:v>4574</c:v>
                </c:pt>
                <c:pt idx="619">
                  <c:v>4376</c:v>
                </c:pt>
                <c:pt idx="620">
                  <c:v>4145</c:v>
                </c:pt>
                <c:pt idx="621">
                  <c:v>3871</c:v>
                </c:pt>
                <c:pt idx="622">
                  <c:v>3565</c:v>
                </c:pt>
                <c:pt idx="623">
                  <c:v>3222</c:v>
                </c:pt>
                <c:pt idx="624">
                  <c:v>2853</c:v>
                </c:pt>
                <c:pt idx="625">
                  <c:v>2447</c:v>
                </c:pt>
                <c:pt idx="626">
                  <c:v>1504</c:v>
                </c:pt>
                <c:pt idx="627">
                  <c:v>55</c:v>
                </c:pt>
                <c:pt idx="628">
                  <c:v>65385</c:v>
                </c:pt>
                <c:pt idx="629">
                  <c:v>65388</c:v>
                </c:pt>
                <c:pt idx="630">
                  <c:v>65395</c:v>
                </c:pt>
                <c:pt idx="631">
                  <c:v>65381</c:v>
                </c:pt>
                <c:pt idx="632">
                  <c:v>65380</c:v>
                </c:pt>
                <c:pt idx="633">
                  <c:v>65380</c:v>
                </c:pt>
                <c:pt idx="634">
                  <c:v>65374</c:v>
                </c:pt>
                <c:pt idx="635">
                  <c:v>65382</c:v>
                </c:pt>
                <c:pt idx="636">
                  <c:v>65390</c:v>
                </c:pt>
                <c:pt idx="637">
                  <c:v>65388</c:v>
                </c:pt>
                <c:pt idx="638">
                  <c:v>65386</c:v>
                </c:pt>
                <c:pt idx="639">
                  <c:v>65383</c:v>
                </c:pt>
                <c:pt idx="640">
                  <c:v>65383</c:v>
                </c:pt>
                <c:pt idx="641">
                  <c:v>65376</c:v>
                </c:pt>
                <c:pt idx="642">
                  <c:v>65389</c:v>
                </c:pt>
                <c:pt idx="643">
                  <c:v>65388</c:v>
                </c:pt>
                <c:pt idx="644">
                  <c:v>65381</c:v>
                </c:pt>
                <c:pt idx="645">
                  <c:v>65379</c:v>
                </c:pt>
                <c:pt idx="646">
                  <c:v>65382</c:v>
                </c:pt>
                <c:pt idx="647">
                  <c:v>65376</c:v>
                </c:pt>
                <c:pt idx="648">
                  <c:v>65383</c:v>
                </c:pt>
                <c:pt idx="649">
                  <c:v>65387</c:v>
                </c:pt>
                <c:pt idx="650">
                  <c:v>65388</c:v>
                </c:pt>
                <c:pt idx="651">
                  <c:v>65386</c:v>
                </c:pt>
                <c:pt idx="652">
                  <c:v>65390</c:v>
                </c:pt>
                <c:pt idx="653">
                  <c:v>65377</c:v>
                </c:pt>
                <c:pt idx="654">
                  <c:v>65289</c:v>
                </c:pt>
                <c:pt idx="655">
                  <c:v>63369</c:v>
                </c:pt>
                <c:pt idx="656">
                  <c:v>61932</c:v>
                </c:pt>
                <c:pt idx="657">
                  <c:v>62288</c:v>
                </c:pt>
                <c:pt idx="658">
                  <c:v>62689</c:v>
                </c:pt>
                <c:pt idx="659">
                  <c:v>63123</c:v>
                </c:pt>
                <c:pt idx="660">
                  <c:v>63575</c:v>
                </c:pt>
                <c:pt idx="661">
                  <c:v>64047</c:v>
                </c:pt>
                <c:pt idx="662">
                  <c:v>64522</c:v>
                </c:pt>
                <c:pt idx="663">
                  <c:v>64999</c:v>
                </c:pt>
                <c:pt idx="664">
                  <c:v>65490</c:v>
                </c:pt>
                <c:pt idx="665">
                  <c:v>448</c:v>
                </c:pt>
                <c:pt idx="666">
                  <c:v>919</c:v>
                </c:pt>
                <c:pt idx="667">
                  <c:v>1392</c:v>
                </c:pt>
                <c:pt idx="668">
                  <c:v>1844</c:v>
                </c:pt>
                <c:pt idx="669">
                  <c:v>2265</c:v>
                </c:pt>
                <c:pt idx="670">
                  <c:v>2674</c:v>
                </c:pt>
                <c:pt idx="671">
                  <c:v>3058</c:v>
                </c:pt>
                <c:pt idx="672">
                  <c:v>3413</c:v>
                </c:pt>
                <c:pt idx="673">
                  <c:v>3744</c:v>
                </c:pt>
                <c:pt idx="674">
                  <c:v>4032</c:v>
                </c:pt>
                <c:pt idx="675">
                  <c:v>4277</c:v>
                </c:pt>
                <c:pt idx="676">
                  <c:v>4492</c:v>
                </c:pt>
                <c:pt idx="677">
                  <c:v>4665</c:v>
                </c:pt>
                <c:pt idx="678">
                  <c:v>4807</c:v>
                </c:pt>
                <c:pt idx="679">
                  <c:v>4898</c:v>
                </c:pt>
                <c:pt idx="680">
                  <c:v>4947</c:v>
                </c:pt>
                <c:pt idx="681">
                  <c:v>4950</c:v>
                </c:pt>
                <c:pt idx="682">
                  <c:v>4897</c:v>
                </c:pt>
                <c:pt idx="683">
                  <c:v>4812</c:v>
                </c:pt>
                <c:pt idx="684">
                  <c:v>4687</c:v>
                </c:pt>
                <c:pt idx="685">
                  <c:v>4514</c:v>
                </c:pt>
                <c:pt idx="686">
                  <c:v>4292</c:v>
                </c:pt>
                <c:pt idx="687">
                  <c:v>4036</c:v>
                </c:pt>
                <c:pt idx="688">
                  <c:v>3763</c:v>
                </c:pt>
                <c:pt idx="689">
                  <c:v>3449</c:v>
                </c:pt>
                <c:pt idx="690">
                  <c:v>3099</c:v>
                </c:pt>
                <c:pt idx="691">
                  <c:v>2720</c:v>
                </c:pt>
                <c:pt idx="692">
                  <c:v>2231</c:v>
                </c:pt>
                <c:pt idx="693">
                  <c:v>826</c:v>
                </c:pt>
                <c:pt idx="694">
                  <c:v>65413</c:v>
                </c:pt>
                <c:pt idx="695">
                  <c:v>65378</c:v>
                </c:pt>
                <c:pt idx="696">
                  <c:v>65377</c:v>
                </c:pt>
                <c:pt idx="697">
                  <c:v>65382</c:v>
                </c:pt>
                <c:pt idx="698">
                  <c:v>65378</c:v>
                </c:pt>
                <c:pt idx="699">
                  <c:v>65378</c:v>
                </c:pt>
                <c:pt idx="700">
                  <c:v>65380</c:v>
                </c:pt>
                <c:pt idx="701">
                  <c:v>65382</c:v>
                </c:pt>
                <c:pt idx="702">
                  <c:v>65386</c:v>
                </c:pt>
                <c:pt idx="703">
                  <c:v>65386</c:v>
                </c:pt>
                <c:pt idx="704">
                  <c:v>65382</c:v>
                </c:pt>
                <c:pt idx="705">
                  <c:v>65379</c:v>
                </c:pt>
                <c:pt idx="706">
                  <c:v>65383</c:v>
                </c:pt>
                <c:pt idx="707">
                  <c:v>65392</c:v>
                </c:pt>
                <c:pt idx="708">
                  <c:v>65385</c:v>
                </c:pt>
                <c:pt idx="709">
                  <c:v>65366</c:v>
                </c:pt>
                <c:pt idx="710">
                  <c:v>65373</c:v>
                </c:pt>
                <c:pt idx="711">
                  <c:v>65380</c:v>
                </c:pt>
                <c:pt idx="712">
                  <c:v>65384</c:v>
                </c:pt>
                <c:pt idx="713">
                  <c:v>65383</c:v>
                </c:pt>
                <c:pt idx="714">
                  <c:v>65379</c:v>
                </c:pt>
                <c:pt idx="715">
                  <c:v>65389</c:v>
                </c:pt>
                <c:pt idx="716">
                  <c:v>65390</c:v>
                </c:pt>
                <c:pt idx="717">
                  <c:v>65386</c:v>
                </c:pt>
                <c:pt idx="718">
                  <c:v>65385</c:v>
                </c:pt>
                <c:pt idx="719">
                  <c:v>65384</c:v>
                </c:pt>
                <c:pt idx="720">
                  <c:v>65375</c:v>
                </c:pt>
                <c:pt idx="721">
                  <c:v>64956</c:v>
                </c:pt>
                <c:pt idx="722">
                  <c:v>62512</c:v>
                </c:pt>
                <c:pt idx="723">
                  <c:v>62024</c:v>
                </c:pt>
                <c:pt idx="724">
                  <c:v>62433</c:v>
                </c:pt>
                <c:pt idx="725">
                  <c:v>62846</c:v>
                </c:pt>
                <c:pt idx="726">
                  <c:v>63272</c:v>
                </c:pt>
                <c:pt idx="727">
                  <c:v>63727</c:v>
                </c:pt>
                <c:pt idx="728">
                  <c:v>64204</c:v>
                </c:pt>
                <c:pt idx="729">
                  <c:v>64698</c:v>
                </c:pt>
                <c:pt idx="730">
                  <c:v>65172</c:v>
                </c:pt>
                <c:pt idx="731">
                  <c:v>125</c:v>
                </c:pt>
                <c:pt idx="732">
                  <c:v>612</c:v>
                </c:pt>
                <c:pt idx="733">
                  <c:v>1088</c:v>
                </c:pt>
                <c:pt idx="734">
                  <c:v>1541</c:v>
                </c:pt>
                <c:pt idx="735">
                  <c:v>1978</c:v>
                </c:pt>
                <c:pt idx="736">
                  <c:v>2413</c:v>
                </c:pt>
                <c:pt idx="737">
                  <c:v>2818</c:v>
                </c:pt>
                <c:pt idx="738">
                  <c:v>3198</c:v>
                </c:pt>
                <c:pt idx="739">
                  <c:v>3544</c:v>
                </c:pt>
                <c:pt idx="740">
                  <c:v>3851</c:v>
                </c:pt>
                <c:pt idx="741">
                  <c:v>4123</c:v>
                </c:pt>
                <c:pt idx="742">
                  <c:v>4371</c:v>
                </c:pt>
                <c:pt idx="743">
                  <c:v>4565</c:v>
                </c:pt>
                <c:pt idx="744">
                  <c:v>4729</c:v>
                </c:pt>
                <c:pt idx="745">
                  <c:v>4852</c:v>
                </c:pt>
                <c:pt idx="746">
                  <c:v>4920</c:v>
                </c:pt>
                <c:pt idx="747">
                  <c:v>4952</c:v>
                </c:pt>
                <c:pt idx="748">
                  <c:v>4941</c:v>
                </c:pt>
                <c:pt idx="749">
                  <c:v>4880</c:v>
                </c:pt>
                <c:pt idx="750">
                  <c:v>4776</c:v>
                </c:pt>
                <c:pt idx="751">
                  <c:v>4627</c:v>
                </c:pt>
                <c:pt idx="752">
                  <c:v>4444</c:v>
                </c:pt>
                <c:pt idx="753">
                  <c:v>4223</c:v>
                </c:pt>
                <c:pt idx="754">
                  <c:v>3956</c:v>
                </c:pt>
                <c:pt idx="755">
                  <c:v>3665</c:v>
                </c:pt>
                <c:pt idx="756">
                  <c:v>3328</c:v>
                </c:pt>
                <c:pt idx="757">
                  <c:v>2962</c:v>
                </c:pt>
                <c:pt idx="758">
                  <c:v>2575</c:v>
                </c:pt>
                <c:pt idx="759">
                  <c:v>1941</c:v>
                </c:pt>
                <c:pt idx="760">
                  <c:v>377</c:v>
                </c:pt>
                <c:pt idx="761">
                  <c:v>65377</c:v>
                </c:pt>
                <c:pt idx="762">
                  <c:v>65382</c:v>
                </c:pt>
                <c:pt idx="763">
                  <c:v>65384</c:v>
                </c:pt>
                <c:pt idx="764">
                  <c:v>65379</c:v>
                </c:pt>
                <c:pt idx="765">
                  <c:v>65376</c:v>
                </c:pt>
                <c:pt idx="766">
                  <c:v>65392</c:v>
                </c:pt>
                <c:pt idx="767">
                  <c:v>65389</c:v>
                </c:pt>
                <c:pt idx="768">
                  <c:v>65377</c:v>
                </c:pt>
                <c:pt idx="769">
                  <c:v>65378</c:v>
                </c:pt>
                <c:pt idx="770">
                  <c:v>65381</c:v>
                </c:pt>
                <c:pt idx="771">
                  <c:v>65378</c:v>
                </c:pt>
                <c:pt idx="772">
                  <c:v>65377</c:v>
                </c:pt>
                <c:pt idx="773">
                  <c:v>65376</c:v>
                </c:pt>
                <c:pt idx="774">
                  <c:v>65379</c:v>
                </c:pt>
                <c:pt idx="775">
                  <c:v>65377</c:v>
                </c:pt>
                <c:pt idx="776">
                  <c:v>65382</c:v>
                </c:pt>
                <c:pt idx="777">
                  <c:v>65381</c:v>
                </c:pt>
                <c:pt idx="778">
                  <c:v>65371</c:v>
                </c:pt>
                <c:pt idx="779">
                  <c:v>65377</c:v>
                </c:pt>
                <c:pt idx="780">
                  <c:v>65380</c:v>
                </c:pt>
                <c:pt idx="781">
                  <c:v>65382</c:v>
                </c:pt>
                <c:pt idx="782">
                  <c:v>65388</c:v>
                </c:pt>
                <c:pt idx="783">
                  <c:v>65384</c:v>
                </c:pt>
                <c:pt idx="784">
                  <c:v>65382</c:v>
                </c:pt>
                <c:pt idx="785">
                  <c:v>65381</c:v>
                </c:pt>
                <c:pt idx="786">
                  <c:v>65379</c:v>
                </c:pt>
                <c:pt idx="787">
                  <c:v>65370</c:v>
                </c:pt>
                <c:pt idx="788">
                  <c:v>64190</c:v>
                </c:pt>
                <c:pt idx="789">
                  <c:v>62045</c:v>
                </c:pt>
                <c:pt idx="790">
                  <c:v>62183</c:v>
                </c:pt>
                <c:pt idx="791">
                  <c:v>62573</c:v>
                </c:pt>
                <c:pt idx="792">
                  <c:v>63000</c:v>
                </c:pt>
                <c:pt idx="793">
                  <c:v>63452</c:v>
                </c:pt>
                <c:pt idx="794">
                  <c:v>63913</c:v>
                </c:pt>
                <c:pt idx="795">
                  <c:v>64376</c:v>
                </c:pt>
                <c:pt idx="796">
                  <c:v>64850</c:v>
                </c:pt>
                <c:pt idx="797">
                  <c:v>65337</c:v>
                </c:pt>
                <c:pt idx="798">
                  <c:v>297</c:v>
                </c:pt>
                <c:pt idx="799">
                  <c:v>780</c:v>
                </c:pt>
                <c:pt idx="800">
                  <c:v>1249</c:v>
                </c:pt>
                <c:pt idx="801">
                  <c:v>1712</c:v>
                </c:pt>
                <c:pt idx="802">
                  <c:v>2142</c:v>
                </c:pt>
                <c:pt idx="803">
                  <c:v>2555</c:v>
                </c:pt>
                <c:pt idx="804">
                  <c:v>2952</c:v>
                </c:pt>
                <c:pt idx="805">
                  <c:v>3317</c:v>
                </c:pt>
                <c:pt idx="806">
                  <c:v>3650</c:v>
                </c:pt>
                <c:pt idx="807">
                  <c:v>3958</c:v>
                </c:pt>
                <c:pt idx="808">
                  <c:v>4219</c:v>
                </c:pt>
                <c:pt idx="809">
                  <c:v>4436</c:v>
                </c:pt>
                <c:pt idx="810">
                  <c:v>4625</c:v>
                </c:pt>
                <c:pt idx="811">
                  <c:v>4783</c:v>
                </c:pt>
                <c:pt idx="812">
                  <c:v>4876</c:v>
                </c:pt>
                <c:pt idx="813">
                  <c:v>4936</c:v>
                </c:pt>
                <c:pt idx="814">
                  <c:v>4952</c:v>
                </c:pt>
                <c:pt idx="815">
                  <c:v>4920</c:v>
                </c:pt>
                <c:pt idx="816">
                  <c:v>4836</c:v>
                </c:pt>
                <c:pt idx="817">
                  <c:v>4722</c:v>
                </c:pt>
                <c:pt idx="818">
                  <c:v>4563</c:v>
                </c:pt>
                <c:pt idx="819">
                  <c:v>4355</c:v>
                </c:pt>
                <c:pt idx="820">
                  <c:v>4119</c:v>
                </c:pt>
                <c:pt idx="821">
                  <c:v>3845</c:v>
                </c:pt>
                <c:pt idx="822">
                  <c:v>3539</c:v>
                </c:pt>
                <c:pt idx="823">
                  <c:v>3198</c:v>
                </c:pt>
                <c:pt idx="824">
                  <c:v>2837</c:v>
                </c:pt>
                <c:pt idx="825">
                  <c:v>2279</c:v>
                </c:pt>
                <c:pt idx="826">
                  <c:v>684</c:v>
                </c:pt>
                <c:pt idx="827">
                  <c:v>65405</c:v>
                </c:pt>
                <c:pt idx="828">
                  <c:v>65381</c:v>
                </c:pt>
                <c:pt idx="829">
                  <c:v>65393</c:v>
                </c:pt>
                <c:pt idx="830">
                  <c:v>65385</c:v>
                </c:pt>
                <c:pt idx="831">
                  <c:v>65380</c:v>
                </c:pt>
                <c:pt idx="832">
                  <c:v>65390</c:v>
                </c:pt>
                <c:pt idx="833">
                  <c:v>65384</c:v>
                </c:pt>
                <c:pt idx="834">
                  <c:v>65377</c:v>
                </c:pt>
                <c:pt idx="835">
                  <c:v>65376</c:v>
                </c:pt>
                <c:pt idx="836">
                  <c:v>65370</c:v>
                </c:pt>
                <c:pt idx="837">
                  <c:v>65376</c:v>
                </c:pt>
                <c:pt idx="838">
                  <c:v>65388</c:v>
                </c:pt>
                <c:pt idx="839">
                  <c:v>65387</c:v>
                </c:pt>
                <c:pt idx="840">
                  <c:v>65391</c:v>
                </c:pt>
                <c:pt idx="841">
                  <c:v>65389</c:v>
                </c:pt>
                <c:pt idx="842">
                  <c:v>65383</c:v>
                </c:pt>
                <c:pt idx="843">
                  <c:v>65376</c:v>
                </c:pt>
                <c:pt idx="844">
                  <c:v>65376</c:v>
                </c:pt>
                <c:pt idx="845">
                  <c:v>65381</c:v>
                </c:pt>
                <c:pt idx="846">
                  <c:v>65382</c:v>
                </c:pt>
                <c:pt idx="847">
                  <c:v>65373</c:v>
                </c:pt>
                <c:pt idx="848">
                  <c:v>65364</c:v>
                </c:pt>
                <c:pt idx="849">
                  <c:v>65379</c:v>
                </c:pt>
                <c:pt idx="850">
                  <c:v>65383</c:v>
                </c:pt>
                <c:pt idx="851">
                  <c:v>65380</c:v>
                </c:pt>
                <c:pt idx="852">
                  <c:v>65387</c:v>
                </c:pt>
                <c:pt idx="853">
                  <c:v>65382</c:v>
                </c:pt>
                <c:pt idx="854">
                  <c:v>65240</c:v>
                </c:pt>
                <c:pt idx="855">
                  <c:v>63301</c:v>
                </c:pt>
                <c:pt idx="856">
                  <c:v>61979</c:v>
                </c:pt>
                <c:pt idx="857">
                  <c:v>62318</c:v>
                </c:pt>
                <c:pt idx="858">
                  <c:v>62723</c:v>
                </c:pt>
                <c:pt idx="859">
                  <c:v>63156</c:v>
                </c:pt>
                <c:pt idx="860">
                  <c:v>63603</c:v>
                </c:pt>
                <c:pt idx="861">
                  <c:v>64078</c:v>
                </c:pt>
                <c:pt idx="862">
                  <c:v>64553</c:v>
                </c:pt>
                <c:pt idx="863">
                  <c:v>65040</c:v>
                </c:pt>
                <c:pt idx="864">
                  <c:v>65530</c:v>
                </c:pt>
                <c:pt idx="865">
                  <c:v>474</c:v>
                </c:pt>
                <c:pt idx="866">
                  <c:v>942</c:v>
                </c:pt>
                <c:pt idx="867">
                  <c:v>1400</c:v>
                </c:pt>
                <c:pt idx="868">
                  <c:v>1848</c:v>
                </c:pt>
                <c:pt idx="869">
                  <c:v>2288</c:v>
                </c:pt>
                <c:pt idx="870">
                  <c:v>2706</c:v>
                </c:pt>
                <c:pt idx="871">
                  <c:v>3082</c:v>
                </c:pt>
                <c:pt idx="872">
                  <c:v>3434</c:v>
                </c:pt>
                <c:pt idx="873">
                  <c:v>3761</c:v>
                </c:pt>
                <c:pt idx="874">
                  <c:v>4055</c:v>
                </c:pt>
                <c:pt idx="875">
                  <c:v>4305</c:v>
                </c:pt>
                <c:pt idx="876">
                  <c:v>4515</c:v>
                </c:pt>
                <c:pt idx="877">
                  <c:v>4690</c:v>
                </c:pt>
                <c:pt idx="878">
                  <c:v>4822</c:v>
                </c:pt>
                <c:pt idx="879">
                  <c:v>4915</c:v>
                </c:pt>
                <c:pt idx="880">
                  <c:v>4955</c:v>
                </c:pt>
                <c:pt idx="881">
                  <c:v>4947</c:v>
                </c:pt>
                <c:pt idx="882">
                  <c:v>4891</c:v>
                </c:pt>
                <c:pt idx="883">
                  <c:v>4801</c:v>
                </c:pt>
                <c:pt idx="884">
                  <c:v>4678</c:v>
                </c:pt>
                <c:pt idx="885">
                  <c:v>4493</c:v>
                </c:pt>
                <c:pt idx="886">
                  <c:v>4283</c:v>
                </c:pt>
                <c:pt idx="887">
                  <c:v>4053</c:v>
                </c:pt>
                <c:pt idx="888">
                  <c:v>3751</c:v>
                </c:pt>
                <c:pt idx="889">
                  <c:v>3424</c:v>
                </c:pt>
                <c:pt idx="890">
                  <c:v>3070</c:v>
                </c:pt>
                <c:pt idx="891">
                  <c:v>2690</c:v>
                </c:pt>
                <c:pt idx="892">
                  <c:v>2265</c:v>
                </c:pt>
                <c:pt idx="893">
                  <c:v>1312</c:v>
                </c:pt>
                <c:pt idx="894">
                  <c:v>47</c:v>
                </c:pt>
                <c:pt idx="895">
                  <c:v>65380</c:v>
                </c:pt>
                <c:pt idx="896">
                  <c:v>65381</c:v>
                </c:pt>
                <c:pt idx="897">
                  <c:v>65389</c:v>
                </c:pt>
                <c:pt idx="898">
                  <c:v>65385</c:v>
                </c:pt>
                <c:pt idx="899">
                  <c:v>65387</c:v>
                </c:pt>
                <c:pt idx="900">
                  <c:v>65383</c:v>
                </c:pt>
                <c:pt idx="901">
                  <c:v>65382</c:v>
                </c:pt>
                <c:pt idx="902">
                  <c:v>65383</c:v>
                </c:pt>
                <c:pt idx="903">
                  <c:v>65393</c:v>
                </c:pt>
                <c:pt idx="904">
                  <c:v>65385</c:v>
                </c:pt>
                <c:pt idx="905">
                  <c:v>65380</c:v>
                </c:pt>
                <c:pt idx="906">
                  <c:v>65387</c:v>
                </c:pt>
                <c:pt idx="907">
                  <c:v>65375</c:v>
                </c:pt>
                <c:pt idx="908">
                  <c:v>65364</c:v>
                </c:pt>
                <c:pt idx="909">
                  <c:v>65368</c:v>
                </c:pt>
                <c:pt idx="910">
                  <c:v>65376</c:v>
                </c:pt>
                <c:pt idx="911">
                  <c:v>65369</c:v>
                </c:pt>
                <c:pt idx="912">
                  <c:v>65359</c:v>
                </c:pt>
                <c:pt idx="913">
                  <c:v>65372</c:v>
                </c:pt>
                <c:pt idx="914">
                  <c:v>65382</c:v>
                </c:pt>
                <c:pt idx="915">
                  <c:v>65384</c:v>
                </c:pt>
                <c:pt idx="916">
                  <c:v>65381</c:v>
                </c:pt>
                <c:pt idx="917">
                  <c:v>65371</c:v>
                </c:pt>
                <c:pt idx="918">
                  <c:v>65373</c:v>
                </c:pt>
                <c:pt idx="919">
                  <c:v>65378</c:v>
                </c:pt>
                <c:pt idx="920">
                  <c:v>65382</c:v>
                </c:pt>
                <c:pt idx="921">
                  <c:v>64891</c:v>
                </c:pt>
                <c:pt idx="922">
                  <c:v>62504</c:v>
                </c:pt>
                <c:pt idx="923">
                  <c:v>62069</c:v>
                </c:pt>
                <c:pt idx="924">
                  <c:v>62463</c:v>
                </c:pt>
                <c:pt idx="925">
                  <c:v>62869</c:v>
                </c:pt>
                <c:pt idx="926">
                  <c:v>63307</c:v>
                </c:pt>
                <c:pt idx="927">
                  <c:v>63775</c:v>
                </c:pt>
                <c:pt idx="928">
                  <c:v>64232</c:v>
                </c:pt>
                <c:pt idx="929">
                  <c:v>64714</c:v>
                </c:pt>
                <c:pt idx="930">
                  <c:v>65205</c:v>
                </c:pt>
                <c:pt idx="931">
                  <c:v>158</c:v>
                </c:pt>
                <c:pt idx="932">
                  <c:v>635</c:v>
                </c:pt>
                <c:pt idx="933">
                  <c:v>1112</c:v>
                </c:pt>
                <c:pt idx="934">
                  <c:v>1568</c:v>
                </c:pt>
                <c:pt idx="935">
                  <c:v>2017</c:v>
                </c:pt>
                <c:pt idx="936">
                  <c:v>2441</c:v>
                </c:pt>
                <c:pt idx="937">
                  <c:v>2841</c:v>
                </c:pt>
                <c:pt idx="938">
                  <c:v>3216</c:v>
                </c:pt>
                <c:pt idx="939">
                  <c:v>3551</c:v>
                </c:pt>
                <c:pt idx="940">
                  <c:v>3866</c:v>
                </c:pt>
                <c:pt idx="941">
                  <c:v>4143</c:v>
                </c:pt>
                <c:pt idx="942">
                  <c:v>4378</c:v>
                </c:pt>
                <c:pt idx="943">
                  <c:v>4576</c:v>
                </c:pt>
                <c:pt idx="944">
                  <c:v>4740</c:v>
                </c:pt>
                <c:pt idx="945">
                  <c:v>4852</c:v>
                </c:pt>
                <c:pt idx="946">
                  <c:v>4924</c:v>
                </c:pt>
                <c:pt idx="947">
                  <c:v>4959</c:v>
                </c:pt>
                <c:pt idx="948">
                  <c:v>4936</c:v>
                </c:pt>
                <c:pt idx="949">
                  <c:v>4871</c:v>
                </c:pt>
                <c:pt idx="950">
                  <c:v>4762</c:v>
                </c:pt>
                <c:pt idx="951">
                  <c:v>4612</c:v>
                </c:pt>
                <c:pt idx="952">
                  <c:v>4422</c:v>
                </c:pt>
                <c:pt idx="953">
                  <c:v>4199</c:v>
                </c:pt>
                <c:pt idx="954">
                  <c:v>3935</c:v>
                </c:pt>
                <c:pt idx="955">
                  <c:v>3628</c:v>
                </c:pt>
                <c:pt idx="956">
                  <c:v>3307</c:v>
                </c:pt>
                <c:pt idx="957">
                  <c:v>2945</c:v>
                </c:pt>
                <c:pt idx="958">
                  <c:v>2559</c:v>
                </c:pt>
                <c:pt idx="959">
                  <c:v>2077</c:v>
                </c:pt>
                <c:pt idx="960">
                  <c:v>821</c:v>
                </c:pt>
                <c:pt idx="961">
                  <c:v>65432</c:v>
                </c:pt>
                <c:pt idx="962">
                  <c:v>65378</c:v>
                </c:pt>
                <c:pt idx="963">
                  <c:v>65382</c:v>
                </c:pt>
                <c:pt idx="964">
                  <c:v>65385</c:v>
                </c:pt>
                <c:pt idx="965">
                  <c:v>65380</c:v>
                </c:pt>
                <c:pt idx="966">
                  <c:v>65380</c:v>
                </c:pt>
                <c:pt idx="967">
                  <c:v>65386</c:v>
                </c:pt>
                <c:pt idx="968">
                  <c:v>65387</c:v>
                </c:pt>
                <c:pt idx="969">
                  <c:v>65379</c:v>
                </c:pt>
                <c:pt idx="970">
                  <c:v>65375</c:v>
                </c:pt>
                <c:pt idx="971">
                  <c:v>65376</c:v>
                </c:pt>
                <c:pt idx="972">
                  <c:v>65380</c:v>
                </c:pt>
                <c:pt idx="973">
                  <c:v>65382</c:v>
                </c:pt>
                <c:pt idx="974">
                  <c:v>65378</c:v>
                </c:pt>
                <c:pt idx="975">
                  <c:v>65376</c:v>
                </c:pt>
                <c:pt idx="976">
                  <c:v>65381</c:v>
                </c:pt>
                <c:pt idx="977">
                  <c:v>65385</c:v>
                </c:pt>
                <c:pt idx="978">
                  <c:v>65381</c:v>
                </c:pt>
                <c:pt idx="979">
                  <c:v>65376</c:v>
                </c:pt>
                <c:pt idx="980">
                  <c:v>65368</c:v>
                </c:pt>
                <c:pt idx="981">
                  <c:v>65378</c:v>
                </c:pt>
                <c:pt idx="982">
                  <c:v>65392</c:v>
                </c:pt>
                <c:pt idx="983">
                  <c:v>65391</c:v>
                </c:pt>
                <c:pt idx="984">
                  <c:v>65379</c:v>
                </c:pt>
                <c:pt idx="985">
                  <c:v>65374</c:v>
                </c:pt>
                <c:pt idx="986">
                  <c:v>65379</c:v>
                </c:pt>
                <c:pt idx="987">
                  <c:v>65378</c:v>
                </c:pt>
                <c:pt idx="988">
                  <c:v>64402</c:v>
                </c:pt>
                <c:pt idx="989">
                  <c:v>62174</c:v>
                </c:pt>
                <c:pt idx="990">
                  <c:v>62193</c:v>
                </c:pt>
                <c:pt idx="991">
                  <c:v>62586</c:v>
                </c:pt>
                <c:pt idx="992">
                  <c:v>63019</c:v>
                </c:pt>
                <c:pt idx="993">
                  <c:v>63478</c:v>
                </c:pt>
                <c:pt idx="994">
                  <c:v>63937</c:v>
                </c:pt>
                <c:pt idx="995">
                  <c:v>64411</c:v>
                </c:pt>
                <c:pt idx="996">
                  <c:v>64889</c:v>
                </c:pt>
                <c:pt idx="997">
                  <c:v>65378</c:v>
                </c:pt>
                <c:pt idx="998">
                  <c:v>330</c:v>
                </c:pt>
                <c:pt idx="999">
                  <c:v>81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8817-4C74-B40B-6CEF35374C1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201944080"/>
        <c:axId val="201944560"/>
      </c:lineChart>
      <c:catAx>
        <c:axId val="201944080"/>
        <c:scaling>
          <c:orientation val="minMax"/>
        </c:scaling>
        <c:delete val="0"/>
        <c:axPos val="b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01944560"/>
        <c:crosses val="autoZero"/>
        <c:auto val="1"/>
        <c:lblAlgn val="ctr"/>
        <c:lblOffset val="100"/>
        <c:noMultiLvlLbl val="0"/>
      </c:catAx>
      <c:valAx>
        <c:axId val="201944560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0194408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val>
            <c:numRef>
              <c:f>Sheet4!#REF!</c:f>
              <c:numCache>
                <c:formatCode>General</c:formatCode>
                <c:ptCount val="1"/>
                <c:pt idx="0">
                  <c:v>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253C-463C-A793-839F20E660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202623104"/>
        <c:axId val="202626464"/>
      </c:lineChart>
      <c:catAx>
        <c:axId val="202623104"/>
        <c:scaling>
          <c:orientation val="minMax"/>
        </c:scaling>
        <c:delete val="0"/>
        <c:axPos val="b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02626464"/>
        <c:crosses val="autoZero"/>
        <c:auto val="1"/>
        <c:lblAlgn val="ctr"/>
        <c:lblOffset val="100"/>
        <c:noMultiLvlLbl val="0"/>
      </c:catAx>
      <c:valAx>
        <c:axId val="2026264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02623104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332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2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3.xml><?xml version="1.0" encoding="utf-8"?>
<cs:chartStyle xmlns:cs="http://schemas.microsoft.com/office/drawing/2012/chartStyle" xmlns:a="http://schemas.openxmlformats.org/drawingml/2006/main" id="332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4.xml><?xml version="1.0" encoding="utf-8"?>
<cs:chartStyle xmlns:cs="http://schemas.microsoft.com/office/drawing/2012/chartStyle" xmlns:a="http://schemas.openxmlformats.org/drawingml/2006/main" id="332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chart" Target="../charts/chart1.xml"/></Relationships>
</file>

<file path=xl/drawings/_rels/drawing2.xml.rels><?xml version="1.0" encoding="UTF-8" standalone="yes"?>
<Relationships xmlns="http://schemas.openxmlformats.org/package/2006/relationships"><Relationship Id="rId1" Type="http://schemas.openxmlformats.org/officeDocument/2006/relationships/chart" Target="../charts/chart2.xml"/></Relationships>
</file>

<file path=xl/drawings/_rels/drawing3.xml.rels><?xml version="1.0" encoding="UTF-8" standalone="yes"?>
<Relationships xmlns="http://schemas.openxmlformats.org/package/2006/relationships"><Relationship Id="rId2" Type="http://schemas.openxmlformats.org/officeDocument/2006/relationships/chart" Target="../charts/chart4.xml"/><Relationship Id="rId1" Type="http://schemas.openxmlformats.org/officeDocument/2006/relationships/chart" Target="../charts/chart3.xml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2</xdr:col>
      <xdr:colOff>579120</xdr:colOff>
      <xdr:row>6</xdr:row>
      <xdr:rowOff>129540</xdr:rowOff>
    </xdr:from>
    <xdr:to>
      <xdr:col>25</xdr:col>
      <xdr:colOff>518160</xdr:colOff>
      <xdr:row>22</xdr:row>
      <xdr:rowOff>129540</xdr:rowOff>
    </xdr:to>
    <xdr:graphicFrame macro="">
      <xdr:nvGraphicFramePr>
        <xdr:cNvPr id="4" name="Chart 3">
          <a:extLst>
            <a:ext uri="{FF2B5EF4-FFF2-40B4-BE49-F238E27FC236}">
              <a16:creationId xmlns:a16="http://schemas.microsoft.com/office/drawing/2014/main" id="{F34B8DB4-BD05-4B58-B3F8-8C2B25B2710C}"/>
            </a:ext>
          </a:extLst>
        </xdr:cNvPr>
        <xdr:cNvGraphicFramePr>
          <a:graphicFrameLocks/>
        </xdr:cNvGraphicFramePr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drawings/drawing2.xml><?xml version="1.0" encoding="utf-8"?>
<xdr:wsDr xmlns:xdr="http://schemas.openxmlformats.org/drawingml/2006/spreadsheetDrawing" xmlns:a="http://schemas.openxmlformats.org/drawingml/2006/main">
  <xdr:twoCellAnchor>
    <xdr:from>
      <xdr:col>3</xdr:col>
      <xdr:colOff>521970</xdr:colOff>
      <xdr:row>4</xdr:row>
      <xdr:rowOff>30480</xdr:rowOff>
    </xdr:from>
    <xdr:to>
      <xdr:col>10</xdr:col>
      <xdr:colOff>400050</xdr:colOff>
      <xdr:row>20</xdr:row>
      <xdr:rowOff>91440</xdr:rowOff>
    </xdr:to>
    <xdr:graphicFrame macro="">
      <xdr:nvGraphicFramePr>
        <xdr:cNvPr id="3" name="Chart 2">
          <a:extLst>
            <a:ext uri="{FF2B5EF4-FFF2-40B4-BE49-F238E27FC236}">
              <a16:creationId xmlns:a16="http://schemas.microsoft.com/office/drawing/2014/main" id="{B7F0948F-4517-6C09-903A-DEFE3CF568BF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drawings/drawing3.xml><?xml version="1.0" encoding="utf-8"?>
<xdr:wsDr xmlns:xdr="http://schemas.openxmlformats.org/drawingml/2006/spreadsheetDrawing" xmlns:a="http://schemas.openxmlformats.org/drawingml/2006/main">
  <xdr:twoCellAnchor>
    <xdr:from>
      <xdr:col>4</xdr:col>
      <xdr:colOff>7620</xdr:colOff>
      <xdr:row>9</xdr:row>
      <xdr:rowOff>160020</xdr:rowOff>
    </xdr:from>
    <xdr:to>
      <xdr:col>18</xdr:col>
      <xdr:colOff>662940</xdr:colOff>
      <xdr:row>26</xdr:row>
      <xdr:rowOff>160020</xdr:rowOff>
    </xdr:to>
    <xdr:graphicFrame macro="">
      <xdr:nvGraphicFramePr>
        <xdr:cNvPr id="2" name="Chart 1">
          <a:extLst>
            <a:ext uri="{FF2B5EF4-FFF2-40B4-BE49-F238E27FC236}">
              <a16:creationId xmlns:a16="http://schemas.microsoft.com/office/drawing/2014/main" id="{815782A2-8397-D68B-C67E-CA1B05FFD931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  <xdr:twoCellAnchor>
    <xdr:from>
      <xdr:col>6</xdr:col>
      <xdr:colOff>666750</xdr:colOff>
      <xdr:row>31</xdr:row>
      <xdr:rowOff>0</xdr:rowOff>
    </xdr:from>
    <xdr:to>
      <xdr:col>14</xdr:col>
      <xdr:colOff>0</xdr:colOff>
      <xdr:row>48</xdr:row>
      <xdr:rowOff>0</xdr:rowOff>
    </xdr:to>
    <xdr:graphicFrame macro="">
      <xdr:nvGraphicFramePr>
        <xdr:cNvPr id="5" name="Chart 4">
          <a:extLst>
            <a:ext uri="{FF2B5EF4-FFF2-40B4-BE49-F238E27FC236}">
              <a16:creationId xmlns:a16="http://schemas.microsoft.com/office/drawing/2014/main" id="{BCCC11EF-8794-7456-915B-6A001F7FD538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2"/>
        </a:graphicData>
      </a:graphic>
    </xdr:graphicFrame>
    <xdr:clientData/>
  </xdr:twoCellAnchor>
</xdr:wsDr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1.xml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2.xml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3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48C7505-3E0A-4307-8FAA-861D13F773EA}">
  <dimension ref="A1:B1000"/>
  <sheetViews>
    <sheetView tabSelected="1" topLeftCell="I1" workbookViewId="0">
      <selection activeCell="H35" sqref="H35"/>
    </sheetView>
  </sheetViews>
  <sheetFormatPr defaultRowHeight="13.2" x14ac:dyDescent="0.3"/>
  <sheetData>
    <row r="1" spans="1:2" x14ac:dyDescent="0.3">
      <c r="A1" t="s">
        <v>0</v>
      </c>
      <c r="B1">
        <v>6877</v>
      </c>
    </row>
    <row r="2" spans="1:2" x14ac:dyDescent="0.3">
      <c r="A2" t="s">
        <v>1</v>
      </c>
      <c r="B2">
        <v>16004</v>
      </c>
    </row>
    <row r="3" spans="1:2" x14ac:dyDescent="0.3">
      <c r="A3" t="s">
        <v>2</v>
      </c>
      <c r="B3">
        <v>16358</v>
      </c>
    </row>
    <row r="4" spans="1:2" x14ac:dyDescent="0.3">
      <c r="A4" t="s">
        <v>3</v>
      </c>
      <c r="B4">
        <v>16818</v>
      </c>
    </row>
    <row r="5" spans="1:2" x14ac:dyDescent="0.3">
      <c r="A5" t="s">
        <v>4</v>
      </c>
      <c r="B5">
        <v>17420</v>
      </c>
    </row>
    <row r="6" spans="1:2" x14ac:dyDescent="0.3">
      <c r="A6" t="s">
        <v>5</v>
      </c>
      <c r="B6">
        <v>18070</v>
      </c>
    </row>
    <row r="7" spans="1:2" x14ac:dyDescent="0.3">
      <c r="A7" t="s">
        <v>6</v>
      </c>
      <c r="B7">
        <v>18746</v>
      </c>
    </row>
    <row r="8" spans="1:2" x14ac:dyDescent="0.3">
      <c r="A8" t="s">
        <v>7</v>
      </c>
      <c r="B8">
        <v>19490</v>
      </c>
    </row>
    <row r="9" spans="1:2" x14ac:dyDescent="0.3">
      <c r="A9" t="s">
        <v>8</v>
      </c>
      <c r="B9">
        <v>20322</v>
      </c>
    </row>
    <row r="10" spans="1:2" x14ac:dyDescent="0.3">
      <c r="A10" t="s">
        <v>9</v>
      </c>
      <c r="B10">
        <v>21216</v>
      </c>
    </row>
    <row r="11" spans="1:2" x14ac:dyDescent="0.3">
      <c r="A11" t="s">
        <v>10</v>
      </c>
      <c r="B11">
        <v>22145</v>
      </c>
    </row>
    <row r="12" spans="1:2" x14ac:dyDescent="0.3">
      <c r="A12" t="s">
        <v>11</v>
      </c>
      <c r="B12">
        <v>23096</v>
      </c>
    </row>
    <row r="13" spans="1:2" x14ac:dyDescent="0.3">
      <c r="A13" t="s">
        <v>12</v>
      </c>
      <c r="B13">
        <v>24079</v>
      </c>
    </row>
    <row r="14" spans="1:2" x14ac:dyDescent="0.3">
      <c r="A14" t="s">
        <v>13</v>
      </c>
      <c r="B14">
        <v>25020</v>
      </c>
    </row>
    <row r="15" spans="1:2" x14ac:dyDescent="0.3">
      <c r="A15" t="s">
        <v>14</v>
      </c>
      <c r="B15">
        <v>25789</v>
      </c>
    </row>
    <row r="16" spans="1:2" x14ac:dyDescent="0.3">
      <c r="A16" t="s">
        <v>15</v>
      </c>
      <c r="B16">
        <v>26561</v>
      </c>
    </row>
    <row r="17" spans="1:2" x14ac:dyDescent="0.3">
      <c r="A17" t="s">
        <v>16</v>
      </c>
      <c r="B17">
        <v>27403</v>
      </c>
    </row>
    <row r="18" spans="1:2" x14ac:dyDescent="0.3">
      <c r="A18" t="s">
        <v>17</v>
      </c>
      <c r="B18">
        <v>28294</v>
      </c>
    </row>
    <row r="19" spans="1:2" x14ac:dyDescent="0.3">
      <c r="A19" t="s">
        <v>18</v>
      </c>
      <c r="B19">
        <v>29387</v>
      </c>
    </row>
    <row r="20" spans="1:2" x14ac:dyDescent="0.3">
      <c r="A20" t="s">
        <v>19</v>
      </c>
      <c r="B20">
        <v>30323</v>
      </c>
    </row>
    <row r="21" spans="1:2" x14ac:dyDescent="0.3">
      <c r="A21" t="s">
        <v>20</v>
      </c>
      <c r="B21">
        <v>31153</v>
      </c>
    </row>
    <row r="22" spans="1:2" x14ac:dyDescent="0.3">
      <c r="A22" t="s">
        <v>21</v>
      </c>
      <c r="B22">
        <v>31854</v>
      </c>
    </row>
    <row r="23" spans="1:2" x14ac:dyDescent="0.3">
      <c r="A23" t="s">
        <v>22</v>
      </c>
      <c r="B23">
        <v>32469</v>
      </c>
    </row>
    <row r="24" spans="1:2" x14ac:dyDescent="0.3">
      <c r="A24" t="s">
        <v>23</v>
      </c>
      <c r="B24">
        <v>32760</v>
      </c>
    </row>
    <row r="25" spans="1:2" x14ac:dyDescent="0.3">
      <c r="A25" t="s">
        <v>24</v>
      </c>
      <c r="B25">
        <v>32767</v>
      </c>
    </row>
    <row r="26" spans="1:2" x14ac:dyDescent="0.3">
      <c r="A26" t="s">
        <v>25</v>
      </c>
      <c r="B26">
        <v>32767</v>
      </c>
    </row>
    <row r="27" spans="1:2" x14ac:dyDescent="0.3">
      <c r="A27" t="s">
        <v>26</v>
      </c>
      <c r="B27">
        <v>32767</v>
      </c>
    </row>
    <row r="28" spans="1:2" x14ac:dyDescent="0.3">
      <c r="A28" t="s">
        <v>27</v>
      </c>
      <c r="B28">
        <v>32767</v>
      </c>
    </row>
    <row r="29" spans="1:2" x14ac:dyDescent="0.3">
      <c r="A29" t="s">
        <v>28</v>
      </c>
      <c r="B29">
        <v>32767</v>
      </c>
    </row>
    <row r="30" spans="1:2" x14ac:dyDescent="0.3">
      <c r="A30" t="s">
        <v>29</v>
      </c>
      <c r="B30">
        <v>32767</v>
      </c>
    </row>
    <row r="31" spans="1:2" x14ac:dyDescent="0.3">
      <c r="A31" t="s">
        <v>30</v>
      </c>
      <c r="B31">
        <v>32767</v>
      </c>
    </row>
    <row r="32" spans="1:2" x14ac:dyDescent="0.3">
      <c r="A32" t="s">
        <v>31</v>
      </c>
      <c r="B32">
        <v>32767</v>
      </c>
    </row>
    <row r="33" spans="1:2" x14ac:dyDescent="0.3">
      <c r="A33" t="s">
        <v>32</v>
      </c>
      <c r="B33">
        <v>32767</v>
      </c>
    </row>
    <row r="34" spans="1:2" x14ac:dyDescent="0.3">
      <c r="A34" t="s">
        <v>33</v>
      </c>
      <c r="B34">
        <v>32767</v>
      </c>
    </row>
    <row r="35" spans="1:2" x14ac:dyDescent="0.3">
      <c r="A35" t="s">
        <v>34</v>
      </c>
      <c r="B35">
        <v>32767</v>
      </c>
    </row>
    <row r="36" spans="1:2" x14ac:dyDescent="0.3">
      <c r="A36" t="s">
        <v>35</v>
      </c>
      <c r="B36">
        <v>32767</v>
      </c>
    </row>
    <row r="37" spans="1:2" x14ac:dyDescent="0.3">
      <c r="A37" t="s">
        <v>36</v>
      </c>
      <c r="B37">
        <v>32767</v>
      </c>
    </row>
    <row r="38" spans="1:2" x14ac:dyDescent="0.3">
      <c r="A38" t="s">
        <v>37</v>
      </c>
      <c r="B38">
        <v>32767</v>
      </c>
    </row>
    <row r="39" spans="1:2" x14ac:dyDescent="0.3">
      <c r="A39" t="s">
        <v>38</v>
      </c>
      <c r="B39">
        <v>32767</v>
      </c>
    </row>
    <row r="40" spans="1:2" x14ac:dyDescent="0.3">
      <c r="A40" t="s">
        <v>39</v>
      </c>
      <c r="B40">
        <v>32767</v>
      </c>
    </row>
    <row r="41" spans="1:2" x14ac:dyDescent="0.3">
      <c r="A41" t="s">
        <v>40</v>
      </c>
      <c r="B41">
        <v>32767</v>
      </c>
    </row>
    <row r="42" spans="1:2" x14ac:dyDescent="0.3">
      <c r="A42" t="s">
        <v>41</v>
      </c>
      <c r="B42">
        <v>32767</v>
      </c>
    </row>
    <row r="43" spans="1:2" x14ac:dyDescent="0.3">
      <c r="A43" t="s">
        <v>42</v>
      </c>
      <c r="B43">
        <v>32767</v>
      </c>
    </row>
    <row r="44" spans="1:2" x14ac:dyDescent="0.3">
      <c r="A44" t="s">
        <v>43</v>
      </c>
      <c r="B44">
        <v>32542</v>
      </c>
    </row>
    <row r="45" spans="1:2" x14ac:dyDescent="0.3">
      <c r="A45" t="s">
        <v>44</v>
      </c>
      <c r="B45">
        <v>31202</v>
      </c>
    </row>
    <row r="46" spans="1:2" x14ac:dyDescent="0.3">
      <c r="A46" t="s">
        <v>45</v>
      </c>
      <c r="B46">
        <v>30128</v>
      </c>
    </row>
    <row r="47" spans="1:2" x14ac:dyDescent="0.3">
      <c r="A47" t="s">
        <v>46</v>
      </c>
      <c r="B47">
        <v>29246</v>
      </c>
    </row>
    <row r="48" spans="1:2" x14ac:dyDescent="0.3">
      <c r="A48" t="s">
        <v>47</v>
      </c>
      <c r="B48">
        <v>28383</v>
      </c>
    </row>
    <row r="49" spans="1:2" x14ac:dyDescent="0.3">
      <c r="A49" t="s">
        <v>48</v>
      </c>
      <c r="B49">
        <v>27420</v>
      </c>
    </row>
    <row r="50" spans="1:2" x14ac:dyDescent="0.3">
      <c r="A50" t="s">
        <v>49</v>
      </c>
      <c r="B50">
        <v>26400</v>
      </c>
    </row>
    <row r="51" spans="1:2" x14ac:dyDescent="0.3">
      <c r="A51" t="s">
        <v>50</v>
      </c>
      <c r="B51">
        <v>25366</v>
      </c>
    </row>
    <row r="52" spans="1:2" x14ac:dyDescent="0.3">
      <c r="A52" t="s">
        <v>51</v>
      </c>
      <c r="B52">
        <v>24358</v>
      </c>
    </row>
    <row r="53" spans="1:2" x14ac:dyDescent="0.3">
      <c r="A53" t="s">
        <v>52</v>
      </c>
      <c r="B53">
        <v>23261</v>
      </c>
    </row>
    <row r="54" spans="1:2" x14ac:dyDescent="0.3">
      <c r="A54" t="s">
        <v>53</v>
      </c>
      <c r="B54">
        <v>22280</v>
      </c>
    </row>
    <row r="55" spans="1:2" x14ac:dyDescent="0.3">
      <c r="A55" t="s">
        <v>54</v>
      </c>
      <c r="B55">
        <v>21387</v>
      </c>
    </row>
    <row r="56" spans="1:2" x14ac:dyDescent="0.3">
      <c r="A56" t="s">
        <v>55</v>
      </c>
      <c r="B56">
        <v>20486</v>
      </c>
    </row>
    <row r="57" spans="1:2" x14ac:dyDescent="0.3">
      <c r="A57" t="s">
        <v>56</v>
      </c>
      <c r="B57">
        <v>19632</v>
      </c>
    </row>
    <row r="58" spans="1:2" x14ac:dyDescent="0.3">
      <c r="A58" t="s">
        <v>57</v>
      </c>
      <c r="B58">
        <v>18923</v>
      </c>
    </row>
    <row r="59" spans="1:2" x14ac:dyDescent="0.3">
      <c r="A59" t="s">
        <v>58</v>
      </c>
      <c r="B59">
        <v>18210</v>
      </c>
    </row>
    <row r="60" spans="1:2" x14ac:dyDescent="0.3">
      <c r="A60" t="s">
        <v>59</v>
      </c>
      <c r="B60">
        <v>17487</v>
      </c>
    </row>
    <row r="61" spans="1:2" x14ac:dyDescent="0.3">
      <c r="A61" t="s">
        <v>60</v>
      </c>
      <c r="B61">
        <v>16835</v>
      </c>
    </row>
    <row r="62" spans="1:2" x14ac:dyDescent="0.3">
      <c r="A62" t="s">
        <v>61</v>
      </c>
      <c r="B62">
        <v>16353</v>
      </c>
    </row>
    <row r="63" spans="1:2" x14ac:dyDescent="0.3">
      <c r="A63" t="s">
        <v>62</v>
      </c>
      <c r="B63">
        <v>15992</v>
      </c>
    </row>
    <row r="64" spans="1:2" x14ac:dyDescent="0.3">
      <c r="A64" t="s">
        <v>63</v>
      </c>
      <c r="B64">
        <v>15659</v>
      </c>
    </row>
    <row r="65" spans="1:2" x14ac:dyDescent="0.3">
      <c r="A65" t="s">
        <v>64</v>
      </c>
      <c r="B65">
        <v>15408</v>
      </c>
    </row>
    <row r="66" spans="1:2" x14ac:dyDescent="0.3">
      <c r="A66" t="s">
        <v>65</v>
      </c>
      <c r="B66">
        <v>15226</v>
      </c>
    </row>
    <row r="67" spans="1:2" x14ac:dyDescent="0.3">
      <c r="A67" t="s">
        <v>66</v>
      </c>
      <c r="B67">
        <v>15261</v>
      </c>
    </row>
    <row r="68" spans="1:2" x14ac:dyDescent="0.3">
      <c r="A68" t="s">
        <v>67</v>
      </c>
      <c r="B68">
        <v>15567</v>
      </c>
    </row>
    <row r="69" spans="1:2" x14ac:dyDescent="0.3">
      <c r="A69" t="s">
        <v>68</v>
      </c>
      <c r="B69">
        <v>15886</v>
      </c>
    </row>
    <row r="70" spans="1:2" x14ac:dyDescent="0.3">
      <c r="A70" t="s">
        <v>69</v>
      </c>
      <c r="B70">
        <v>16326</v>
      </c>
    </row>
    <row r="71" spans="1:2" x14ac:dyDescent="0.3">
      <c r="A71" t="s">
        <v>70</v>
      </c>
      <c r="B71">
        <v>16876</v>
      </c>
    </row>
    <row r="72" spans="1:2" x14ac:dyDescent="0.3">
      <c r="A72" t="s">
        <v>71</v>
      </c>
      <c r="B72">
        <v>17527</v>
      </c>
    </row>
    <row r="73" spans="1:2" x14ac:dyDescent="0.3">
      <c r="A73" t="s">
        <v>72</v>
      </c>
      <c r="B73">
        <v>18171</v>
      </c>
    </row>
    <row r="74" spans="1:2" x14ac:dyDescent="0.3">
      <c r="A74" t="s">
        <v>73</v>
      </c>
      <c r="B74">
        <v>18853</v>
      </c>
    </row>
    <row r="75" spans="1:2" x14ac:dyDescent="0.3">
      <c r="A75" t="s">
        <v>74</v>
      </c>
      <c r="B75">
        <v>19642</v>
      </c>
    </row>
    <row r="76" spans="1:2" x14ac:dyDescent="0.3">
      <c r="A76" t="s">
        <v>75</v>
      </c>
      <c r="B76">
        <v>20508</v>
      </c>
    </row>
    <row r="77" spans="1:2" x14ac:dyDescent="0.3">
      <c r="A77" t="s">
        <v>76</v>
      </c>
      <c r="B77">
        <v>21417</v>
      </c>
    </row>
    <row r="78" spans="1:2" x14ac:dyDescent="0.3">
      <c r="A78" t="s">
        <v>77</v>
      </c>
      <c r="B78">
        <v>22353</v>
      </c>
    </row>
    <row r="79" spans="1:2" x14ac:dyDescent="0.3">
      <c r="A79" t="s">
        <v>78</v>
      </c>
      <c r="B79">
        <v>23323</v>
      </c>
    </row>
    <row r="80" spans="1:2" x14ac:dyDescent="0.3">
      <c r="A80" t="s">
        <v>79</v>
      </c>
      <c r="B80">
        <v>24328</v>
      </c>
    </row>
    <row r="81" spans="1:2" x14ac:dyDescent="0.3">
      <c r="A81" t="s">
        <v>80</v>
      </c>
      <c r="B81">
        <v>25215</v>
      </c>
    </row>
    <row r="82" spans="1:2" x14ac:dyDescent="0.3">
      <c r="A82" t="s">
        <v>81</v>
      </c>
      <c r="B82">
        <v>25957</v>
      </c>
    </row>
    <row r="83" spans="1:2" x14ac:dyDescent="0.3">
      <c r="A83" t="s">
        <v>82</v>
      </c>
      <c r="B83">
        <v>26730</v>
      </c>
    </row>
    <row r="84" spans="1:2" x14ac:dyDescent="0.3">
      <c r="A84" t="s">
        <v>83</v>
      </c>
      <c r="B84">
        <v>27568</v>
      </c>
    </row>
    <row r="85" spans="1:2" x14ac:dyDescent="0.3">
      <c r="A85" t="s">
        <v>84</v>
      </c>
      <c r="B85">
        <v>28442</v>
      </c>
    </row>
    <row r="86" spans="1:2" x14ac:dyDescent="0.3">
      <c r="A86" t="s">
        <v>85</v>
      </c>
      <c r="B86">
        <v>29567</v>
      </c>
    </row>
    <row r="87" spans="1:2" x14ac:dyDescent="0.3">
      <c r="A87" t="s">
        <v>86</v>
      </c>
      <c r="B87">
        <v>30422</v>
      </c>
    </row>
    <row r="88" spans="1:2" x14ac:dyDescent="0.3">
      <c r="A88" t="s">
        <v>87</v>
      </c>
      <c r="B88">
        <v>31274</v>
      </c>
    </row>
    <row r="89" spans="1:2" x14ac:dyDescent="0.3">
      <c r="A89" t="s">
        <v>88</v>
      </c>
      <c r="B89">
        <v>32003</v>
      </c>
    </row>
    <row r="90" spans="1:2" x14ac:dyDescent="0.3">
      <c r="A90" t="s">
        <v>89</v>
      </c>
      <c r="B90">
        <v>32611</v>
      </c>
    </row>
    <row r="91" spans="1:2" x14ac:dyDescent="0.3">
      <c r="A91" t="s">
        <v>90</v>
      </c>
      <c r="B91">
        <v>32767</v>
      </c>
    </row>
    <row r="92" spans="1:2" x14ac:dyDescent="0.3">
      <c r="A92" t="s">
        <v>91</v>
      </c>
      <c r="B92">
        <v>32767</v>
      </c>
    </row>
    <row r="93" spans="1:2" x14ac:dyDescent="0.3">
      <c r="A93" t="s">
        <v>92</v>
      </c>
      <c r="B93">
        <v>32767</v>
      </c>
    </row>
    <row r="94" spans="1:2" x14ac:dyDescent="0.3">
      <c r="A94" t="s">
        <v>93</v>
      </c>
      <c r="B94">
        <v>32767</v>
      </c>
    </row>
    <row r="95" spans="1:2" x14ac:dyDescent="0.3">
      <c r="A95" t="s">
        <v>94</v>
      </c>
      <c r="B95">
        <v>32767</v>
      </c>
    </row>
    <row r="96" spans="1:2" x14ac:dyDescent="0.3">
      <c r="A96" t="s">
        <v>95</v>
      </c>
      <c r="B96">
        <v>32767</v>
      </c>
    </row>
    <row r="97" spans="1:2" x14ac:dyDescent="0.3">
      <c r="A97" t="s">
        <v>96</v>
      </c>
      <c r="B97">
        <v>32767</v>
      </c>
    </row>
    <row r="98" spans="1:2" x14ac:dyDescent="0.3">
      <c r="A98" t="s">
        <v>97</v>
      </c>
      <c r="B98">
        <v>32767</v>
      </c>
    </row>
    <row r="99" spans="1:2" x14ac:dyDescent="0.3">
      <c r="A99" t="s">
        <v>98</v>
      </c>
      <c r="B99">
        <v>32767</v>
      </c>
    </row>
    <row r="100" spans="1:2" x14ac:dyDescent="0.3">
      <c r="A100" t="s">
        <v>99</v>
      </c>
      <c r="B100">
        <v>32767</v>
      </c>
    </row>
    <row r="101" spans="1:2" x14ac:dyDescent="0.3">
      <c r="A101" t="s">
        <v>100</v>
      </c>
      <c r="B101">
        <v>32767</v>
      </c>
    </row>
    <row r="102" spans="1:2" x14ac:dyDescent="0.3">
      <c r="A102" t="s">
        <v>101</v>
      </c>
      <c r="B102">
        <v>32767</v>
      </c>
    </row>
    <row r="103" spans="1:2" x14ac:dyDescent="0.3">
      <c r="A103" t="s">
        <v>102</v>
      </c>
      <c r="B103">
        <v>32767</v>
      </c>
    </row>
    <row r="104" spans="1:2" x14ac:dyDescent="0.3">
      <c r="A104" t="s">
        <v>103</v>
      </c>
      <c r="B104">
        <v>32767</v>
      </c>
    </row>
    <row r="105" spans="1:2" x14ac:dyDescent="0.3">
      <c r="A105" t="s">
        <v>104</v>
      </c>
      <c r="B105">
        <v>32767</v>
      </c>
    </row>
    <row r="106" spans="1:2" x14ac:dyDescent="0.3">
      <c r="A106" t="s">
        <v>105</v>
      </c>
      <c r="B106">
        <v>32767</v>
      </c>
    </row>
    <row r="107" spans="1:2" x14ac:dyDescent="0.3">
      <c r="A107" t="s">
        <v>106</v>
      </c>
      <c r="B107">
        <v>32767</v>
      </c>
    </row>
    <row r="108" spans="1:2" x14ac:dyDescent="0.3">
      <c r="A108" t="s">
        <v>107</v>
      </c>
      <c r="B108">
        <v>32767</v>
      </c>
    </row>
    <row r="109" spans="1:2" x14ac:dyDescent="0.3">
      <c r="A109" t="s">
        <v>108</v>
      </c>
      <c r="B109">
        <v>32767</v>
      </c>
    </row>
    <row r="110" spans="1:2" x14ac:dyDescent="0.3">
      <c r="A110" t="s">
        <v>109</v>
      </c>
      <c r="B110">
        <v>32754</v>
      </c>
    </row>
    <row r="111" spans="1:2" x14ac:dyDescent="0.3">
      <c r="A111" t="s">
        <v>110</v>
      </c>
      <c r="B111">
        <v>32029</v>
      </c>
    </row>
    <row r="112" spans="1:2" x14ac:dyDescent="0.3">
      <c r="A112" t="s">
        <v>111</v>
      </c>
      <c r="B112">
        <v>30653</v>
      </c>
    </row>
    <row r="113" spans="1:2" x14ac:dyDescent="0.3">
      <c r="A113" t="s">
        <v>112</v>
      </c>
      <c r="B113">
        <v>29734</v>
      </c>
    </row>
    <row r="114" spans="1:2" x14ac:dyDescent="0.3">
      <c r="A114" t="s">
        <v>113</v>
      </c>
      <c r="B114">
        <v>28867</v>
      </c>
    </row>
    <row r="115" spans="1:2" x14ac:dyDescent="0.3">
      <c r="A115" t="s">
        <v>114</v>
      </c>
      <c r="B115">
        <v>27974</v>
      </c>
    </row>
    <row r="116" spans="1:2" x14ac:dyDescent="0.3">
      <c r="A116" t="s">
        <v>115</v>
      </c>
      <c r="B116">
        <v>26974</v>
      </c>
    </row>
    <row r="117" spans="1:2" x14ac:dyDescent="0.3">
      <c r="A117" t="s">
        <v>116</v>
      </c>
      <c r="B117">
        <v>25919</v>
      </c>
    </row>
    <row r="118" spans="1:2" x14ac:dyDescent="0.3">
      <c r="A118" t="s">
        <v>117</v>
      </c>
      <c r="B118">
        <v>24883</v>
      </c>
    </row>
    <row r="119" spans="1:2" x14ac:dyDescent="0.3">
      <c r="A119" t="s">
        <v>118</v>
      </c>
      <c r="B119">
        <v>23867</v>
      </c>
    </row>
    <row r="120" spans="1:2" x14ac:dyDescent="0.3">
      <c r="A120" t="s">
        <v>119</v>
      </c>
      <c r="B120">
        <v>22790</v>
      </c>
    </row>
    <row r="121" spans="1:2" x14ac:dyDescent="0.3">
      <c r="A121" t="s">
        <v>120</v>
      </c>
      <c r="B121">
        <v>21845</v>
      </c>
    </row>
    <row r="122" spans="1:2" x14ac:dyDescent="0.3">
      <c r="A122" t="s">
        <v>121</v>
      </c>
      <c r="B122">
        <v>20934</v>
      </c>
    </row>
    <row r="123" spans="1:2" x14ac:dyDescent="0.3">
      <c r="A123" t="s">
        <v>122</v>
      </c>
      <c r="B123">
        <v>20038</v>
      </c>
    </row>
    <row r="124" spans="1:2" x14ac:dyDescent="0.3">
      <c r="A124" t="s">
        <v>123</v>
      </c>
      <c r="B124">
        <v>19255</v>
      </c>
    </row>
    <row r="125" spans="1:2" x14ac:dyDescent="0.3">
      <c r="A125" t="s">
        <v>124</v>
      </c>
      <c r="B125">
        <v>18547</v>
      </c>
    </row>
    <row r="126" spans="1:2" x14ac:dyDescent="0.3">
      <c r="A126" t="s">
        <v>125</v>
      </c>
      <c r="B126">
        <v>17796</v>
      </c>
    </row>
    <row r="127" spans="1:2" x14ac:dyDescent="0.3">
      <c r="A127" t="s">
        <v>126</v>
      </c>
      <c r="B127">
        <v>17098</v>
      </c>
    </row>
    <row r="128" spans="1:2" x14ac:dyDescent="0.3">
      <c r="A128" t="s">
        <v>127</v>
      </c>
      <c r="B128">
        <v>16504</v>
      </c>
    </row>
    <row r="129" spans="1:2" x14ac:dyDescent="0.3">
      <c r="A129" t="s">
        <v>128</v>
      </c>
      <c r="B129">
        <v>16032</v>
      </c>
    </row>
    <row r="130" spans="1:2" x14ac:dyDescent="0.3">
      <c r="A130" t="s">
        <v>129</v>
      </c>
      <c r="B130">
        <v>15681</v>
      </c>
    </row>
    <row r="131" spans="1:2" x14ac:dyDescent="0.3">
      <c r="A131" t="s">
        <v>130</v>
      </c>
      <c r="B131">
        <v>15420</v>
      </c>
    </row>
    <row r="132" spans="1:2" x14ac:dyDescent="0.3">
      <c r="A132" t="s">
        <v>131</v>
      </c>
      <c r="B132">
        <v>15245</v>
      </c>
    </row>
    <row r="133" spans="1:2" x14ac:dyDescent="0.3">
      <c r="A133" t="s">
        <v>132</v>
      </c>
      <c r="B133">
        <v>15104</v>
      </c>
    </row>
    <row r="134" spans="1:2" x14ac:dyDescent="0.3">
      <c r="A134" t="s">
        <v>133</v>
      </c>
      <c r="B134">
        <v>15280</v>
      </c>
    </row>
    <row r="135" spans="1:2" x14ac:dyDescent="0.3">
      <c r="A135" t="s">
        <v>134</v>
      </c>
      <c r="B135">
        <v>15604</v>
      </c>
    </row>
    <row r="136" spans="1:2" x14ac:dyDescent="0.3">
      <c r="A136" t="s">
        <v>135</v>
      </c>
      <c r="B136">
        <v>15908</v>
      </c>
    </row>
    <row r="137" spans="1:2" x14ac:dyDescent="0.3">
      <c r="A137" t="s">
        <v>136</v>
      </c>
      <c r="B137">
        <v>16363</v>
      </c>
    </row>
    <row r="138" spans="1:2" x14ac:dyDescent="0.3">
      <c r="A138" t="s">
        <v>137</v>
      </c>
      <c r="B138">
        <v>16976</v>
      </c>
    </row>
    <row r="139" spans="1:2" x14ac:dyDescent="0.3">
      <c r="A139" t="s">
        <v>138</v>
      </c>
      <c r="B139">
        <v>17640</v>
      </c>
    </row>
    <row r="140" spans="1:2" x14ac:dyDescent="0.3">
      <c r="A140" t="s">
        <v>139</v>
      </c>
      <c r="B140">
        <v>18321</v>
      </c>
    </row>
    <row r="141" spans="1:2" x14ac:dyDescent="0.3">
      <c r="A141" t="s">
        <v>140</v>
      </c>
      <c r="B141">
        <v>19041</v>
      </c>
    </row>
    <row r="142" spans="1:2" x14ac:dyDescent="0.3">
      <c r="A142" t="s">
        <v>141</v>
      </c>
      <c r="B142">
        <v>19844</v>
      </c>
    </row>
    <row r="143" spans="1:2" x14ac:dyDescent="0.3">
      <c r="A143" t="s">
        <v>142</v>
      </c>
      <c r="B143">
        <v>20746</v>
      </c>
    </row>
    <row r="144" spans="1:2" x14ac:dyDescent="0.3">
      <c r="A144" t="s">
        <v>143</v>
      </c>
      <c r="B144">
        <v>21673</v>
      </c>
    </row>
    <row r="145" spans="1:2" x14ac:dyDescent="0.3">
      <c r="A145" t="s">
        <v>144</v>
      </c>
      <c r="B145">
        <v>22622</v>
      </c>
    </row>
    <row r="146" spans="1:2" x14ac:dyDescent="0.3">
      <c r="A146" t="s">
        <v>145</v>
      </c>
      <c r="B146">
        <v>23610</v>
      </c>
    </row>
    <row r="147" spans="1:2" x14ac:dyDescent="0.3">
      <c r="A147" t="s">
        <v>146</v>
      </c>
      <c r="B147">
        <v>24579</v>
      </c>
    </row>
    <row r="148" spans="1:2" x14ac:dyDescent="0.3">
      <c r="A148" t="s">
        <v>147</v>
      </c>
      <c r="B148">
        <v>25416</v>
      </c>
    </row>
    <row r="149" spans="1:2" x14ac:dyDescent="0.3">
      <c r="A149" t="s">
        <v>148</v>
      </c>
      <c r="B149">
        <v>26177</v>
      </c>
    </row>
    <row r="150" spans="1:2" x14ac:dyDescent="0.3">
      <c r="A150" t="s">
        <v>149</v>
      </c>
      <c r="B150">
        <v>26978</v>
      </c>
    </row>
    <row r="151" spans="1:2" x14ac:dyDescent="0.3">
      <c r="A151" t="s">
        <v>150</v>
      </c>
      <c r="B151">
        <v>27824</v>
      </c>
    </row>
    <row r="152" spans="1:2" x14ac:dyDescent="0.3">
      <c r="A152" t="s">
        <v>151</v>
      </c>
      <c r="B152">
        <v>28807</v>
      </c>
    </row>
    <row r="153" spans="1:2" x14ac:dyDescent="0.3">
      <c r="A153" t="s">
        <v>152</v>
      </c>
      <c r="B153">
        <v>29885</v>
      </c>
    </row>
    <row r="154" spans="1:2" x14ac:dyDescent="0.3">
      <c r="A154" t="s">
        <v>153</v>
      </c>
      <c r="B154">
        <v>30703</v>
      </c>
    </row>
    <row r="155" spans="1:2" x14ac:dyDescent="0.3">
      <c r="A155" t="s">
        <v>154</v>
      </c>
      <c r="B155">
        <v>31515</v>
      </c>
    </row>
    <row r="156" spans="1:2" x14ac:dyDescent="0.3">
      <c r="A156" t="s">
        <v>155</v>
      </c>
      <c r="B156">
        <v>32244</v>
      </c>
    </row>
    <row r="157" spans="1:2" x14ac:dyDescent="0.3">
      <c r="A157" t="s">
        <v>156</v>
      </c>
      <c r="B157">
        <v>32724</v>
      </c>
    </row>
    <row r="158" spans="1:2" x14ac:dyDescent="0.3">
      <c r="A158" t="s">
        <v>157</v>
      </c>
      <c r="B158">
        <v>32767</v>
      </c>
    </row>
    <row r="159" spans="1:2" x14ac:dyDescent="0.3">
      <c r="A159" t="s">
        <v>158</v>
      </c>
      <c r="B159">
        <v>32767</v>
      </c>
    </row>
    <row r="160" spans="1:2" x14ac:dyDescent="0.3">
      <c r="A160" t="s">
        <v>159</v>
      </c>
      <c r="B160">
        <v>32767</v>
      </c>
    </row>
    <row r="161" spans="1:2" x14ac:dyDescent="0.3">
      <c r="A161" t="s">
        <v>160</v>
      </c>
      <c r="B161">
        <v>32767</v>
      </c>
    </row>
    <row r="162" spans="1:2" x14ac:dyDescent="0.3">
      <c r="A162" t="s">
        <v>161</v>
      </c>
      <c r="B162">
        <v>32767</v>
      </c>
    </row>
    <row r="163" spans="1:2" x14ac:dyDescent="0.3">
      <c r="A163" t="s">
        <v>162</v>
      </c>
      <c r="B163">
        <v>32767</v>
      </c>
    </row>
    <row r="164" spans="1:2" x14ac:dyDescent="0.3">
      <c r="A164" t="s">
        <v>163</v>
      </c>
      <c r="B164">
        <v>32767</v>
      </c>
    </row>
    <row r="165" spans="1:2" x14ac:dyDescent="0.3">
      <c r="A165" t="s">
        <v>164</v>
      </c>
      <c r="B165">
        <v>32767</v>
      </c>
    </row>
    <row r="166" spans="1:2" x14ac:dyDescent="0.3">
      <c r="A166" t="s">
        <v>165</v>
      </c>
      <c r="B166">
        <v>32767</v>
      </c>
    </row>
    <row r="167" spans="1:2" x14ac:dyDescent="0.3">
      <c r="A167" t="s">
        <v>166</v>
      </c>
      <c r="B167">
        <v>32767</v>
      </c>
    </row>
    <row r="168" spans="1:2" x14ac:dyDescent="0.3">
      <c r="A168" t="s">
        <v>167</v>
      </c>
      <c r="B168">
        <v>32767</v>
      </c>
    </row>
    <row r="169" spans="1:2" x14ac:dyDescent="0.3">
      <c r="A169" t="s">
        <v>168</v>
      </c>
      <c r="B169">
        <v>32767</v>
      </c>
    </row>
    <row r="170" spans="1:2" x14ac:dyDescent="0.3">
      <c r="A170" t="s">
        <v>169</v>
      </c>
      <c r="B170">
        <v>32767</v>
      </c>
    </row>
    <row r="171" spans="1:2" x14ac:dyDescent="0.3">
      <c r="A171" t="s">
        <v>170</v>
      </c>
      <c r="B171">
        <v>32767</v>
      </c>
    </row>
    <row r="172" spans="1:2" x14ac:dyDescent="0.3">
      <c r="A172" t="s">
        <v>171</v>
      </c>
      <c r="B172">
        <v>32767</v>
      </c>
    </row>
    <row r="173" spans="1:2" x14ac:dyDescent="0.3">
      <c r="A173" t="s">
        <v>172</v>
      </c>
      <c r="B173">
        <v>32767</v>
      </c>
    </row>
    <row r="174" spans="1:2" x14ac:dyDescent="0.3">
      <c r="A174" t="s">
        <v>173</v>
      </c>
      <c r="B174">
        <v>32767</v>
      </c>
    </row>
    <row r="175" spans="1:2" x14ac:dyDescent="0.3">
      <c r="A175" t="s">
        <v>174</v>
      </c>
      <c r="B175">
        <v>32767</v>
      </c>
    </row>
    <row r="176" spans="1:2" x14ac:dyDescent="0.3">
      <c r="A176" t="s">
        <v>175</v>
      </c>
      <c r="B176">
        <v>32767</v>
      </c>
    </row>
    <row r="177" spans="1:2" x14ac:dyDescent="0.3">
      <c r="A177" t="s">
        <v>176</v>
      </c>
      <c r="B177">
        <v>32702</v>
      </c>
    </row>
    <row r="178" spans="1:2" x14ac:dyDescent="0.3">
      <c r="A178" t="s">
        <v>177</v>
      </c>
      <c r="B178">
        <v>31648</v>
      </c>
    </row>
    <row r="179" spans="1:2" x14ac:dyDescent="0.3">
      <c r="A179" t="s">
        <v>178</v>
      </c>
      <c r="B179">
        <v>30314</v>
      </c>
    </row>
    <row r="180" spans="1:2" x14ac:dyDescent="0.3">
      <c r="A180" t="s">
        <v>179</v>
      </c>
      <c r="B180">
        <v>29379</v>
      </c>
    </row>
    <row r="181" spans="1:2" x14ac:dyDescent="0.3">
      <c r="A181" t="s">
        <v>180</v>
      </c>
      <c r="B181">
        <v>28473</v>
      </c>
    </row>
    <row r="182" spans="1:2" x14ac:dyDescent="0.3">
      <c r="A182" t="s">
        <v>181</v>
      </c>
      <c r="B182">
        <v>27525</v>
      </c>
    </row>
    <row r="183" spans="1:2" x14ac:dyDescent="0.3">
      <c r="A183" t="s">
        <v>182</v>
      </c>
      <c r="B183">
        <v>26511</v>
      </c>
    </row>
    <row r="184" spans="1:2" x14ac:dyDescent="0.3">
      <c r="A184" t="s">
        <v>183</v>
      </c>
      <c r="B184">
        <v>25484</v>
      </c>
    </row>
    <row r="185" spans="1:2" x14ac:dyDescent="0.3">
      <c r="A185" t="s">
        <v>184</v>
      </c>
      <c r="B185">
        <v>24483</v>
      </c>
    </row>
    <row r="186" spans="1:2" x14ac:dyDescent="0.3">
      <c r="A186" t="s">
        <v>185</v>
      </c>
      <c r="B186">
        <v>23425</v>
      </c>
    </row>
    <row r="187" spans="1:2" x14ac:dyDescent="0.3">
      <c r="A187" t="s">
        <v>186</v>
      </c>
      <c r="B187">
        <v>22389</v>
      </c>
    </row>
    <row r="188" spans="1:2" x14ac:dyDescent="0.3">
      <c r="A188" t="s">
        <v>187</v>
      </c>
      <c r="B188">
        <v>21461</v>
      </c>
    </row>
    <row r="189" spans="1:2" x14ac:dyDescent="0.3">
      <c r="A189" t="s">
        <v>188</v>
      </c>
      <c r="B189">
        <v>20550</v>
      </c>
    </row>
    <row r="190" spans="1:2" x14ac:dyDescent="0.3">
      <c r="A190" t="s">
        <v>189</v>
      </c>
      <c r="B190">
        <v>19672</v>
      </c>
    </row>
    <row r="191" spans="1:2" x14ac:dyDescent="0.3">
      <c r="A191" t="s">
        <v>190</v>
      </c>
      <c r="B191">
        <v>18938</v>
      </c>
    </row>
    <row r="192" spans="1:2" x14ac:dyDescent="0.3">
      <c r="A192" t="s">
        <v>191</v>
      </c>
      <c r="B192">
        <v>18242</v>
      </c>
    </row>
    <row r="193" spans="1:2" x14ac:dyDescent="0.3">
      <c r="A193" t="s">
        <v>192</v>
      </c>
      <c r="B193">
        <v>17499</v>
      </c>
    </row>
    <row r="194" spans="1:2" x14ac:dyDescent="0.3">
      <c r="A194" t="s">
        <v>193</v>
      </c>
      <c r="B194">
        <v>16834</v>
      </c>
    </row>
    <row r="195" spans="1:2" x14ac:dyDescent="0.3">
      <c r="A195" t="s">
        <v>194</v>
      </c>
      <c r="B195">
        <v>16274</v>
      </c>
    </row>
    <row r="196" spans="1:2" x14ac:dyDescent="0.3">
      <c r="A196" t="s">
        <v>195</v>
      </c>
      <c r="B196">
        <v>15855</v>
      </c>
    </row>
    <row r="197" spans="1:2" x14ac:dyDescent="0.3">
      <c r="A197" t="s">
        <v>196</v>
      </c>
      <c r="B197">
        <v>15560</v>
      </c>
    </row>
    <row r="198" spans="1:2" x14ac:dyDescent="0.3">
      <c r="A198" t="s">
        <v>197</v>
      </c>
      <c r="B198">
        <v>15295</v>
      </c>
    </row>
    <row r="199" spans="1:2" x14ac:dyDescent="0.3">
      <c r="A199" t="s">
        <v>198</v>
      </c>
      <c r="B199">
        <v>15102</v>
      </c>
    </row>
    <row r="200" spans="1:2" x14ac:dyDescent="0.3">
      <c r="A200" t="s">
        <v>199</v>
      </c>
      <c r="B200">
        <v>15042</v>
      </c>
    </row>
    <row r="201" spans="1:2" x14ac:dyDescent="0.3">
      <c r="A201" t="s">
        <v>200</v>
      </c>
      <c r="B201">
        <v>15298</v>
      </c>
    </row>
    <row r="202" spans="1:2" x14ac:dyDescent="0.3">
      <c r="A202" t="s">
        <v>201</v>
      </c>
      <c r="B202">
        <v>15609</v>
      </c>
    </row>
    <row r="203" spans="1:2" x14ac:dyDescent="0.3">
      <c r="A203" t="s">
        <v>202</v>
      </c>
      <c r="B203">
        <v>15973</v>
      </c>
    </row>
    <row r="204" spans="1:2" x14ac:dyDescent="0.3">
      <c r="A204" t="s">
        <v>203</v>
      </c>
      <c r="B204">
        <v>16489</v>
      </c>
    </row>
    <row r="205" spans="1:2" x14ac:dyDescent="0.3">
      <c r="A205" t="s">
        <v>204</v>
      </c>
      <c r="B205">
        <v>17100</v>
      </c>
    </row>
    <row r="206" spans="1:2" x14ac:dyDescent="0.3">
      <c r="A206" t="s">
        <v>205</v>
      </c>
      <c r="B206">
        <v>17774</v>
      </c>
    </row>
    <row r="207" spans="1:2" x14ac:dyDescent="0.3">
      <c r="A207" t="s">
        <v>206</v>
      </c>
      <c r="B207">
        <v>18464</v>
      </c>
    </row>
    <row r="208" spans="1:2" x14ac:dyDescent="0.3">
      <c r="A208" t="s">
        <v>207</v>
      </c>
      <c r="B208">
        <v>19221</v>
      </c>
    </row>
    <row r="209" spans="1:2" x14ac:dyDescent="0.3">
      <c r="A209" t="s">
        <v>208</v>
      </c>
      <c r="B209">
        <v>20099</v>
      </c>
    </row>
    <row r="210" spans="1:2" x14ac:dyDescent="0.3">
      <c r="A210" t="s">
        <v>209</v>
      </c>
      <c r="B210">
        <v>20997</v>
      </c>
    </row>
    <row r="211" spans="1:2" x14ac:dyDescent="0.3">
      <c r="A211" t="s">
        <v>210</v>
      </c>
      <c r="B211">
        <v>21931</v>
      </c>
    </row>
    <row r="212" spans="1:2" x14ac:dyDescent="0.3">
      <c r="A212" t="s">
        <v>211</v>
      </c>
      <c r="B212">
        <v>22899</v>
      </c>
    </row>
    <row r="213" spans="1:2" x14ac:dyDescent="0.3">
      <c r="A213" t="s">
        <v>212</v>
      </c>
      <c r="B213">
        <v>23896</v>
      </c>
    </row>
    <row r="214" spans="1:2" x14ac:dyDescent="0.3">
      <c r="A214" t="s">
        <v>213</v>
      </c>
      <c r="B214">
        <v>24865</v>
      </c>
    </row>
    <row r="215" spans="1:2" x14ac:dyDescent="0.3">
      <c r="A215" t="s">
        <v>214</v>
      </c>
      <c r="B215">
        <v>25632</v>
      </c>
    </row>
    <row r="216" spans="1:2" x14ac:dyDescent="0.3">
      <c r="A216" t="s">
        <v>215</v>
      </c>
      <c r="B216">
        <v>26388</v>
      </c>
    </row>
    <row r="217" spans="1:2" x14ac:dyDescent="0.3">
      <c r="A217" t="s">
        <v>216</v>
      </c>
      <c r="B217">
        <v>27208</v>
      </c>
    </row>
    <row r="218" spans="1:2" x14ac:dyDescent="0.3">
      <c r="A218" t="s">
        <v>217</v>
      </c>
      <c r="B218">
        <v>28068</v>
      </c>
    </row>
    <row r="219" spans="1:2" x14ac:dyDescent="0.3">
      <c r="A219" t="s">
        <v>218</v>
      </c>
      <c r="B219">
        <v>29148</v>
      </c>
    </row>
    <row r="220" spans="1:2" x14ac:dyDescent="0.3">
      <c r="A220" t="s">
        <v>219</v>
      </c>
      <c r="B220">
        <v>30100</v>
      </c>
    </row>
    <row r="221" spans="1:2" x14ac:dyDescent="0.3">
      <c r="A221" t="s">
        <v>220</v>
      </c>
      <c r="B221">
        <v>30969</v>
      </c>
    </row>
    <row r="222" spans="1:2" x14ac:dyDescent="0.3">
      <c r="A222" t="s">
        <v>221</v>
      </c>
      <c r="B222">
        <v>31734</v>
      </c>
    </row>
    <row r="223" spans="1:2" x14ac:dyDescent="0.3">
      <c r="A223" t="s">
        <v>222</v>
      </c>
      <c r="B223">
        <v>32356</v>
      </c>
    </row>
    <row r="224" spans="1:2" x14ac:dyDescent="0.3">
      <c r="A224" t="s">
        <v>223</v>
      </c>
      <c r="B224">
        <v>32734</v>
      </c>
    </row>
    <row r="225" spans="1:2" x14ac:dyDescent="0.3">
      <c r="A225" t="s">
        <v>224</v>
      </c>
      <c r="B225">
        <v>32767</v>
      </c>
    </row>
    <row r="226" spans="1:2" x14ac:dyDescent="0.3">
      <c r="A226" t="s">
        <v>225</v>
      </c>
      <c r="B226">
        <v>32767</v>
      </c>
    </row>
    <row r="227" spans="1:2" x14ac:dyDescent="0.3">
      <c r="A227" t="s">
        <v>226</v>
      </c>
      <c r="B227">
        <v>32767</v>
      </c>
    </row>
    <row r="228" spans="1:2" x14ac:dyDescent="0.3">
      <c r="A228" t="s">
        <v>227</v>
      </c>
      <c r="B228">
        <v>32767</v>
      </c>
    </row>
    <row r="229" spans="1:2" x14ac:dyDescent="0.3">
      <c r="A229" t="s">
        <v>228</v>
      </c>
      <c r="B229">
        <v>32767</v>
      </c>
    </row>
    <row r="230" spans="1:2" x14ac:dyDescent="0.3">
      <c r="A230" t="s">
        <v>229</v>
      </c>
      <c r="B230">
        <v>32767</v>
      </c>
    </row>
    <row r="231" spans="1:2" x14ac:dyDescent="0.3">
      <c r="A231" t="s">
        <v>230</v>
      </c>
      <c r="B231">
        <v>32767</v>
      </c>
    </row>
    <row r="232" spans="1:2" x14ac:dyDescent="0.3">
      <c r="A232" t="s">
        <v>231</v>
      </c>
      <c r="B232">
        <v>32767</v>
      </c>
    </row>
    <row r="233" spans="1:2" x14ac:dyDescent="0.3">
      <c r="A233" t="s">
        <v>232</v>
      </c>
      <c r="B233">
        <v>32767</v>
      </c>
    </row>
    <row r="234" spans="1:2" x14ac:dyDescent="0.3">
      <c r="A234" t="s">
        <v>233</v>
      </c>
      <c r="B234">
        <v>32767</v>
      </c>
    </row>
    <row r="235" spans="1:2" x14ac:dyDescent="0.3">
      <c r="A235" t="s">
        <v>234</v>
      </c>
      <c r="B235">
        <v>32767</v>
      </c>
    </row>
    <row r="236" spans="1:2" x14ac:dyDescent="0.3">
      <c r="A236" t="s">
        <v>235</v>
      </c>
      <c r="B236">
        <v>32767</v>
      </c>
    </row>
    <row r="237" spans="1:2" x14ac:dyDescent="0.3">
      <c r="A237" t="s">
        <v>236</v>
      </c>
      <c r="B237">
        <v>32767</v>
      </c>
    </row>
    <row r="238" spans="1:2" x14ac:dyDescent="0.3">
      <c r="A238" t="s">
        <v>237</v>
      </c>
      <c r="B238">
        <v>32767</v>
      </c>
    </row>
    <row r="239" spans="1:2" x14ac:dyDescent="0.3">
      <c r="A239" t="s">
        <v>238</v>
      </c>
      <c r="B239">
        <v>32767</v>
      </c>
    </row>
    <row r="240" spans="1:2" x14ac:dyDescent="0.3">
      <c r="A240" t="s">
        <v>239</v>
      </c>
      <c r="B240">
        <v>32767</v>
      </c>
    </row>
    <row r="241" spans="1:2" x14ac:dyDescent="0.3">
      <c r="A241" t="s">
        <v>240</v>
      </c>
      <c r="B241">
        <v>32767</v>
      </c>
    </row>
    <row r="242" spans="1:2" x14ac:dyDescent="0.3">
      <c r="A242" t="s">
        <v>241</v>
      </c>
      <c r="B242">
        <v>32767</v>
      </c>
    </row>
    <row r="243" spans="1:2" x14ac:dyDescent="0.3">
      <c r="A243" t="s">
        <v>242</v>
      </c>
      <c r="B243">
        <v>32767</v>
      </c>
    </row>
    <row r="244" spans="1:2" x14ac:dyDescent="0.3">
      <c r="A244" t="s">
        <v>243</v>
      </c>
      <c r="B244">
        <v>32335</v>
      </c>
    </row>
    <row r="245" spans="1:2" x14ac:dyDescent="0.3">
      <c r="A245" t="s">
        <v>244</v>
      </c>
      <c r="B245">
        <v>30920</v>
      </c>
    </row>
    <row r="246" spans="1:2" x14ac:dyDescent="0.3">
      <c r="A246" t="s">
        <v>245</v>
      </c>
      <c r="B246">
        <v>29953</v>
      </c>
    </row>
    <row r="247" spans="1:2" x14ac:dyDescent="0.3">
      <c r="A247" t="s">
        <v>246</v>
      </c>
      <c r="B247">
        <v>29039</v>
      </c>
    </row>
    <row r="248" spans="1:2" x14ac:dyDescent="0.3">
      <c r="A248" t="s">
        <v>247</v>
      </c>
      <c r="B248">
        <v>28172</v>
      </c>
    </row>
    <row r="249" spans="1:2" x14ac:dyDescent="0.3">
      <c r="A249" t="s">
        <v>248</v>
      </c>
      <c r="B249">
        <v>27226</v>
      </c>
    </row>
    <row r="250" spans="1:2" x14ac:dyDescent="0.3">
      <c r="A250" t="s">
        <v>249</v>
      </c>
      <c r="B250">
        <v>26198</v>
      </c>
    </row>
    <row r="251" spans="1:2" x14ac:dyDescent="0.3">
      <c r="A251" t="s">
        <v>250</v>
      </c>
      <c r="B251">
        <v>25156</v>
      </c>
    </row>
    <row r="252" spans="1:2" x14ac:dyDescent="0.3">
      <c r="A252" t="s">
        <v>251</v>
      </c>
      <c r="B252">
        <v>24135</v>
      </c>
    </row>
    <row r="253" spans="1:2" x14ac:dyDescent="0.3">
      <c r="A253" t="s">
        <v>252</v>
      </c>
      <c r="B253">
        <v>23042</v>
      </c>
    </row>
    <row r="254" spans="1:2" x14ac:dyDescent="0.3">
      <c r="A254" t="s">
        <v>253</v>
      </c>
      <c r="B254">
        <v>22046</v>
      </c>
    </row>
    <row r="255" spans="1:2" x14ac:dyDescent="0.3">
      <c r="A255" t="s">
        <v>254</v>
      </c>
      <c r="B255">
        <v>21127</v>
      </c>
    </row>
    <row r="256" spans="1:2" x14ac:dyDescent="0.3">
      <c r="A256" t="s">
        <v>255</v>
      </c>
      <c r="B256">
        <v>20262</v>
      </c>
    </row>
    <row r="257" spans="1:2" x14ac:dyDescent="0.3">
      <c r="A257" t="s">
        <v>256</v>
      </c>
      <c r="B257">
        <v>19443</v>
      </c>
    </row>
    <row r="258" spans="1:2" x14ac:dyDescent="0.3">
      <c r="A258" t="s">
        <v>257</v>
      </c>
      <c r="B258">
        <v>18723</v>
      </c>
    </row>
    <row r="259" spans="1:2" x14ac:dyDescent="0.3">
      <c r="A259" t="s">
        <v>258</v>
      </c>
      <c r="B259">
        <v>17991</v>
      </c>
    </row>
    <row r="260" spans="1:2" x14ac:dyDescent="0.3">
      <c r="A260" t="s">
        <v>259</v>
      </c>
      <c r="B260">
        <v>17255</v>
      </c>
    </row>
    <row r="261" spans="1:2" x14ac:dyDescent="0.3">
      <c r="A261" t="s">
        <v>260</v>
      </c>
      <c r="B261">
        <v>16624</v>
      </c>
    </row>
    <row r="262" spans="1:2" x14ac:dyDescent="0.3">
      <c r="A262" t="s">
        <v>261</v>
      </c>
      <c r="B262">
        <v>16121</v>
      </c>
    </row>
    <row r="263" spans="1:2" x14ac:dyDescent="0.3">
      <c r="A263" t="s">
        <v>262</v>
      </c>
      <c r="B263">
        <v>15765</v>
      </c>
    </row>
    <row r="264" spans="1:2" x14ac:dyDescent="0.3">
      <c r="A264" t="s">
        <v>263</v>
      </c>
      <c r="B264">
        <v>15465</v>
      </c>
    </row>
    <row r="265" spans="1:2" x14ac:dyDescent="0.3">
      <c r="A265" t="s">
        <v>264</v>
      </c>
      <c r="B265">
        <v>15225</v>
      </c>
    </row>
    <row r="266" spans="1:2" x14ac:dyDescent="0.3">
      <c r="A266" t="s">
        <v>265</v>
      </c>
      <c r="B266">
        <v>15043</v>
      </c>
    </row>
    <row r="267" spans="1:2" x14ac:dyDescent="0.3">
      <c r="A267" t="s">
        <v>266</v>
      </c>
      <c r="B267">
        <v>15086</v>
      </c>
    </row>
    <row r="268" spans="1:2" x14ac:dyDescent="0.3">
      <c r="A268" t="s">
        <v>267</v>
      </c>
      <c r="B268">
        <v>15398</v>
      </c>
    </row>
    <row r="269" spans="1:2" x14ac:dyDescent="0.3">
      <c r="A269" t="s">
        <v>268</v>
      </c>
      <c r="B269">
        <v>15735</v>
      </c>
    </row>
    <row r="270" spans="1:2" x14ac:dyDescent="0.3">
      <c r="A270" t="s">
        <v>269</v>
      </c>
      <c r="B270">
        <v>16154</v>
      </c>
    </row>
    <row r="271" spans="1:2" x14ac:dyDescent="0.3">
      <c r="A271" t="s">
        <v>270</v>
      </c>
      <c r="B271">
        <v>16714</v>
      </c>
    </row>
    <row r="272" spans="1:2" x14ac:dyDescent="0.3">
      <c r="A272" t="s">
        <v>271</v>
      </c>
      <c r="B272">
        <v>17387</v>
      </c>
    </row>
    <row r="273" spans="1:2" x14ac:dyDescent="0.3">
      <c r="A273" t="s">
        <v>272</v>
      </c>
      <c r="B273">
        <v>18063</v>
      </c>
    </row>
    <row r="274" spans="1:2" x14ac:dyDescent="0.3">
      <c r="A274" t="s">
        <v>273</v>
      </c>
      <c r="B274">
        <v>18771</v>
      </c>
    </row>
    <row r="275" spans="1:2" x14ac:dyDescent="0.3">
      <c r="A275" t="s">
        <v>274</v>
      </c>
      <c r="B275">
        <v>19574</v>
      </c>
    </row>
    <row r="276" spans="1:2" x14ac:dyDescent="0.3">
      <c r="A276" t="s">
        <v>275</v>
      </c>
      <c r="B276">
        <v>20434</v>
      </c>
    </row>
    <row r="277" spans="1:2" x14ac:dyDescent="0.3">
      <c r="A277" t="s">
        <v>276</v>
      </c>
      <c r="B277">
        <v>21344</v>
      </c>
    </row>
    <row r="278" spans="1:2" x14ac:dyDescent="0.3">
      <c r="A278" t="s">
        <v>277</v>
      </c>
      <c r="B278">
        <v>22277</v>
      </c>
    </row>
    <row r="279" spans="1:2" x14ac:dyDescent="0.3">
      <c r="A279" t="s">
        <v>278</v>
      </c>
      <c r="B279">
        <v>23249</v>
      </c>
    </row>
    <row r="280" spans="1:2" x14ac:dyDescent="0.3">
      <c r="A280" t="s">
        <v>279</v>
      </c>
      <c r="B280">
        <v>24247</v>
      </c>
    </row>
    <row r="281" spans="1:2" x14ac:dyDescent="0.3">
      <c r="A281" t="s">
        <v>280</v>
      </c>
      <c r="B281">
        <v>25152</v>
      </c>
    </row>
    <row r="282" spans="1:2" x14ac:dyDescent="0.3">
      <c r="A282" t="s">
        <v>281</v>
      </c>
      <c r="B282">
        <v>25906</v>
      </c>
    </row>
    <row r="283" spans="1:2" x14ac:dyDescent="0.3">
      <c r="A283" t="s">
        <v>282</v>
      </c>
      <c r="B283">
        <v>26675</v>
      </c>
    </row>
    <row r="284" spans="1:2" x14ac:dyDescent="0.3">
      <c r="A284" t="s">
        <v>283</v>
      </c>
      <c r="B284">
        <v>27527</v>
      </c>
    </row>
    <row r="285" spans="1:2" x14ac:dyDescent="0.3">
      <c r="A285" t="s">
        <v>284</v>
      </c>
      <c r="B285">
        <v>28418</v>
      </c>
    </row>
    <row r="286" spans="1:2" x14ac:dyDescent="0.3">
      <c r="A286" t="s">
        <v>285</v>
      </c>
      <c r="B286">
        <v>29545</v>
      </c>
    </row>
    <row r="287" spans="1:2" x14ac:dyDescent="0.3">
      <c r="A287" t="s">
        <v>286</v>
      </c>
      <c r="B287">
        <v>30384</v>
      </c>
    </row>
    <row r="288" spans="1:2" x14ac:dyDescent="0.3">
      <c r="A288" t="s">
        <v>287</v>
      </c>
      <c r="B288">
        <v>31247</v>
      </c>
    </row>
    <row r="289" spans="1:2" x14ac:dyDescent="0.3">
      <c r="A289" t="s">
        <v>288</v>
      </c>
      <c r="B289">
        <v>31968</v>
      </c>
    </row>
    <row r="290" spans="1:2" x14ac:dyDescent="0.3">
      <c r="A290" t="s">
        <v>289</v>
      </c>
      <c r="B290">
        <v>32574</v>
      </c>
    </row>
    <row r="291" spans="1:2" x14ac:dyDescent="0.3">
      <c r="A291" t="s">
        <v>290</v>
      </c>
      <c r="B291">
        <v>32767</v>
      </c>
    </row>
    <row r="292" spans="1:2" x14ac:dyDescent="0.3">
      <c r="A292" t="s">
        <v>291</v>
      </c>
      <c r="B292">
        <v>32767</v>
      </c>
    </row>
    <row r="293" spans="1:2" x14ac:dyDescent="0.3">
      <c r="A293" t="s">
        <v>292</v>
      </c>
      <c r="B293">
        <v>32767</v>
      </c>
    </row>
    <row r="294" spans="1:2" x14ac:dyDescent="0.3">
      <c r="A294" t="s">
        <v>293</v>
      </c>
      <c r="B294">
        <v>32767</v>
      </c>
    </row>
    <row r="295" spans="1:2" x14ac:dyDescent="0.3">
      <c r="A295" t="s">
        <v>294</v>
      </c>
      <c r="B295">
        <v>32767</v>
      </c>
    </row>
    <row r="296" spans="1:2" x14ac:dyDescent="0.3">
      <c r="A296" t="s">
        <v>295</v>
      </c>
      <c r="B296">
        <v>32767</v>
      </c>
    </row>
    <row r="297" spans="1:2" x14ac:dyDescent="0.3">
      <c r="A297" t="s">
        <v>296</v>
      </c>
      <c r="B297">
        <v>32767</v>
      </c>
    </row>
    <row r="298" spans="1:2" x14ac:dyDescent="0.3">
      <c r="A298" t="s">
        <v>297</v>
      </c>
      <c r="B298">
        <v>32767</v>
      </c>
    </row>
    <row r="299" spans="1:2" x14ac:dyDescent="0.3">
      <c r="A299" t="s">
        <v>298</v>
      </c>
      <c r="B299">
        <v>32767</v>
      </c>
    </row>
    <row r="300" spans="1:2" x14ac:dyDescent="0.3">
      <c r="A300" t="s">
        <v>299</v>
      </c>
      <c r="B300">
        <v>32767</v>
      </c>
    </row>
    <row r="301" spans="1:2" x14ac:dyDescent="0.3">
      <c r="A301" t="s">
        <v>300</v>
      </c>
      <c r="B301">
        <v>32767</v>
      </c>
    </row>
    <row r="302" spans="1:2" x14ac:dyDescent="0.3">
      <c r="A302" t="s">
        <v>301</v>
      </c>
      <c r="B302">
        <v>32767</v>
      </c>
    </row>
    <row r="303" spans="1:2" x14ac:dyDescent="0.3">
      <c r="A303" t="s">
        <v>302</v>
      </c>
      <c r="B303">
        <v>32767</v>
      </c>
    </row>
    <row r="304" spans="1:2" x14ac:dyDescent="0.3">
      <c r="A304" t="s">
        <v>303</v>
      </c>
      <c r="B304">
        <v>32767</v>
      </c>
    </row>
    <row r="305" spans="1:2" x14ac:dyDescent="0.3">
      <c r="A305" t="s">
        <v>304</v>
      </c>
      <c r="B305">
        <v>32767</v>
      </c>
    </row>
    <row r="306" spans="1:2" x14ac:dyDescent="0.3">
      <c r="A306" t="s">
        <v>305</v>
      </c>
      <c r="B306">
        <v>32767</v>
      </c>
    </row>
    <row r="307" spans="1:2" x14ac:dyDescent="0.3">
      <c r="A307" t="s">
        <v>306</v>
      </c>
      <c r="B307">
        <v>32767</v>
      </c>
    </row>
    <row r="308" spans="1:2" x14ac:dyDescent="0.3">
      <c r="A308" t="s">
        <v>307</v>
      </c>
      <c r="B308">
        <v>32767</v>
      </c>
    </row>
    <row r="309" spans="1:2" x14ac:dyDescent="0.3">
      <c r="A309" t="s">
        <v>308</v>
      </c>
      <c r="B309">
        <v>32767</v>
      </c>
    </row>
    <row r="310" spans="1:2" x14ac:dyDescent="0.3">
      <c r="A310" t="s">
        <v>309</v>
      </c>
      <c r="B310">
        <v>32738</v>
      </c>
    </row>
    <row r="311" spans="1:2" x14ac:dyDescent="0.3">
      <c r="A311" t="s">
        <v>310</v>
      </c>
      <c r="B311">
        <v>31889</v>
      </c>
    </row>
    <row r="312" spans="1:2" x14ac:dyDescent="0.3">
      <c r="A312" t="s">
        <v>311</v>
      </c>
      <c r="B312">
        <v>30570</v>
      </c>
    </row>
    <row r="313" spans="1:2" x14ac:dyDescent="0.3">
      <c r="A313" t="s">
        <v>312</v>
      </c>
      <c r="B313">
        <v>29665</v>
      </c>
    </row>
    <row r="314" spans="1:2" x14ac:dyDescent="0.3">
      <c r="A314" t="s">
        <v>313</v>
      </c>
      <c r="B314">
        <v>28748</v>
      </c>
    </row>
    <row r="315" spans="1:2" x14ac:dyDescent="0.3">
      <c r="A315" t="s">
        <v>314</v>
      </c>
      <c r="B315">
        <v>27836</v>
      </c>
    </row>
    <row r="316" spans="1:2" x14ac:dyDescent="0.3">
      <c r="A316" t="s">
        <v>315</v>
      </c>
      <c r="B316">
        <v>26844</v>
      </c>
    </row>
    <row r="317" spans="1:2" x14ac:dyDescent="0.3">
      <c r="A317" t="s">
        <v>316</v>
      </c>
      <c r="B317">
        <v>25847</v>
      </c>
    </row>
    <row r="318" spans="1:2" x14ac:dyDescent="0.3">
      <c r="A318" t="s">
        <v>317</v>
      </c>
      <c r="B318">
        <v>24857</v>
      </c>
    </row>
    <row r="319" spans="1:2" x14ac:dyDescent="0.3">
      <c r="A319" t="s">
        <v>318</v>
      </c>
      <c r="B319">
        <v>23879</v>
      </c>
    </row>
    <row r="320" spans="1:2" x14ac:dyDescent="0.3">
      <c r="A320" t="s">
        <v>319</v>
      </c>
      <c r="B320">
        <v>22812</v>
      </c>
    </row>
    <row r="321" spans="1:2" x14ac:dyDescent="0.3">
      <c r="A321" t="s">
        <v>320</v>
      </c>
      <c r="B321">
        <v>21843</v>
      </c>
    </row>
    <row r="322" spans="1:2" x14ac:dyDescent="0.3">
      <c r="A322" t="s">
        <v>321</v>
      </c>
      <c r="B322">
        <v>20922</v>
      </c>
    </row>
    <row r="323" spans="1:2" x14ac:dyDescent="0.3">
      <c r="A323" t="s">
        <v>322</v>
      </c>
      <c r="B323">
        <v>20034</v>
      </c>
    </row>
    <row r="324" spans="1:2" x14ac:dyDescent="0.3">
      <c r="A324" t="s">
        <v>323</v>
      </c>
      <c r="B324">
        <v>19241</v>
      </c>
    </row>
    <row r="325" spans="1:2" x14ac:dyDescent="0.3">
      <c r="A325" t="s">
        <v>324</v>
      </c>
      <c r="B325">
        <v>18531</v>
      </c>
    </row>
    <row r="326" spans="1:2" x14ac:dyDescent="0.3">
      <c r="A326" t="s">
        <v>325</v>
      </c>
      <c r="B326">
        <v>17786</v>
      </c>
    </row>
    <row r="327" spans="1:2" x14ac:dyDescent="0.3">
      <c r="A327" t="s">
        <v>326</v>
      </c>
      <c r="B327">
        <v>17090</v>
      </c>
    </row>
    <row r="328" spans="1:2" x14ac:dyDescent="0.3">
      <c r="A328" t="s">
        <v>327</v>
      </c>
      <c r="B328">
        <v>16502</v>
      </c>
    </row>
    <row r="329" spans="1:2" x14ac:dyDescent="0.3">
      <c r="A329" t="s">
        <v>328</v>
      </c>
      <c r="B329">
        <v>16047</v>
      </c>
    </row>
    <row r="330" spans="1:2" x14ac:dyDescent="0.3">
      <c r="A330" t="s">
        <v>329</v>
      </c>
      <c r="B330">
        <v>15704</v>
      </c>
    </row>
    <row r="331" spans="1:2" x14ac:dyDescent="0.3">
      <c r="A331" t="s">
        <v>330</v>
      </c>
      <c r="B331">
        <v>15445</v>
      </c>
    </row>
    <row r="332" spans="1:2" x14ac:dyDescent="0.3">
      <c r="A332" t="s">
        <v>331</v>
      </c>
      <c r="B332">
        <v>15207</v>
      </c>
    </row>
    <row r="333" spans="1:2" x14ac:dyDescent="0.3">
      <c r="A333" t="s">
        <v>332</v>
      </c>
      <c r="B333">
        <v>15068</v>
      </c>
    </row>
    <row r="334" spans="1:2" x14ac:dyDescent="0.3">
      <c r="A334" t="s">
        <v>333</v>
      </c>
      <c r="B334">
        <v>15271</v>
      </c>
    </row>
    <row r="335" spans="1:2" x14ac:dyDescent="0.3">
      <c r="A335" t="s">
        <v>334</v>
      </c>
      <c r="B335">
        <v>15595</v>
      </c>
    </row>
    <row r="336" spans="1:2" x14ac:dyDescent="0.3">
      <c r="A336" t="s">
        <v>335</v>
      </c>
      <c r="B336">
        <v>15927</v>
      </c>
    </row>
    <row r="337" spans="1:2" x14ac:dyDescent="0.3">
      <c r="A337" t="s">
        <v>336</v>
      </c>
      <c r="B337">
        <v>16401</v>
      </c>
    </row>
    <row r="338" spans="1:2" x14ac:dyDescent="0.3">
      <c r="A338" t="s">
        <v>337</v>
      </c>
      <c r="B338">
        <v>17000</v>
      </c>
    </row>
    <row r="339" spans="1:2" x14ac:dyDescent="0.3">
      <c r="A339" t="s">
        <v>338</v>
      </c>
      <c r="B339">
        <v>17652</v>
      </c>
    </row>
    <row r="340" spans="1:2" x14ac:dyDescent="0.3">
      <c r="A340" t="s">
        <v>339</v>
      </c>
      <c r="B340">
        <v>18315</v>
      </c>
    </row>
    <row r="341" spans="1:2" x14ac:dyDescent="0.3">
      <c r="A341" t="s">
        <v>340</v>
      </c>
      <c r="B341">
        <v>19061</v>
      </c>
    </row>
    <row r="342" spans="1:2" x14ac:dyDescent="0.3">
      <c r="A342" t="s">
        <v>341</v>
      </c>
      <c r="B342">
        <v>19909</v>
      </c>
    </row>
    <row r="343" spans="1:2" x14ac:dyDescent="0.3">
      <c r="A343" t="s">
        <v>342</v>
      </c>
      <c r="B343">
        <v>20829</v>
      </c>
    </row>
    <row r="344" spans="1:2" x14ac:dyDescent="0.3">
      <c r="A344" t="s">
        <v>343</v>
      </c>
      <c r="B344">
        <v>21777</v>
      </c>
    </row>
    <row r="345" spans="1:2" x14ac:dyDescent="0.3">
      <c r="A345" t="s">
        <v>344</v>
      </c>
      <c r="B345">
        <v>22734</v>
      </c>
    </row>
    <row r="346" spans="1:2" x14ac:dyDescent="0.3">
      <c r="A346" t="s">
        <v>345</v>
      </c>
      <c r="B346">
        <v>23677</v>
      </c>
    </row>
    <row r="347" spans="1:2" x14ac:dyDescent="0.3">
      <c r="A347" t="s">
        <v>346</v>
      </c>
      <c r="B347">
        <v>24665</v>
      </c>
    </row>
    <row r="348" spans="1:2" x14ac:dyDescent="0.3">
      <c r="A348" t="s">
        <v>347</v>
      </c>
      <c r="B348">
        <v>25494</v>
      </c>
    </row>
    <row r="349" spans="1:2" x14ac:dyDescent="0.3">
      <c r="A349" t="s">
        <v>348</v>
      </c>
      <c r="B349">
        <v>26211</v>
      </c>
    </row>
    <row r="350" spans="1:2" x14ac:dyDescent="0.3">
      <c r="A350" t="s">
        <v>349</v>
      </c>
      <c r="B350">
        <v>27007</v>
      </c>
    </row>
    <row r="351" spans="1:2" x14ac:dyDescent="0.3">
      <c r="A351" t="s">
        <v>350</v>
      </c>
      <c r="B351">
        <v>27854</v>
      </c>
    </row>
    <row r="352" spans="1:2" x14ac:dyDescent="0.3">
      <c r="A352" t="s">
        <v>351</v>
      </c>
      <c r="B352">
        <v>28834</v>
      </c>
    </row>
    <row r="353" spans="1:2" x14ac:dyDescent="0.3">
      <c r="A353" t="s">
        <v>352</v>
      </c>
      <c r="B353">
        <v>29890</v>
      </c>
    </row>
    <row r="354" spans="1:2" x14ac:dyDescent="0.3">
      <c r="A354" t="s">
        <v>353</v>
      </c>
      <c r="B354">
        <v>30723</v>
      </c>
    </row>
    <row r="355" spans="1:2" x14ac:dyDescent="0.3">
      <c r="A355" t="s">
        <v>354</v>
      </c>
      <c r="B355">
        <v>31552</v>
      </c>
    </row>
    <row r="356" spans="1:2" x14ac:dyDescent="0.3">
      <c r="A356" t="s">
        <v>355</v>
      </c>
      <c r="B356">
        <v>32231</v>
      </c>
    </row>
    <row r="357" spans="1:2" x14ac:dyDescent="0.3">
      <c r="A357" t="s">
        <v>356</v>
      </c>
      <c r="B357">
        <v>32709</v>
      </c>
    </row>
    <row r="358" spans="1:2" x14ac:dyDescent="0.3">
      <c r="A358" t="s">
        <v>357</v>
      </c>
      <c r="B358">
        <v>32767</v>
      </c>
    </row>
    <row r="359" spans="1:2" x14ac:dyDescent="0.3">
      <c r="A359" t="s">
        <v>358</v>
      </c>
      <c r="B359">
        <v>32767</v>
      </c>
    </row>
    <row r="360" spans="1:2" x14ac:dyDescent="0.3">
      <c r="A360" t="s">
        <v>359</v>
      </c>
      <c r="B360">
        <v>32767</v>
      </c>
    </row>
    <row r="361" spans="1:2" x14ac:dyDescent="0.3">
      <c r="A361" t="s">
        <v>360</v>
      </c>
      <c r="B361">
        <v>32767</v>
      </c>
    </row>
    <row r="362" spans="1:2" x14ac:dyDescent="0.3">
      <c r="A362" t="s">
        <v>361</v>
      </c>
      <c r="B362">
        <v>32767</v>
      </c>
    </row>
    <row r="363" spans="1:2" x14ac:dyDescent="0.3">
      <c r="A363" t="s">
        <v>362</v>
      </c>
      <c r="B363">
        <v>32767</v>
      </c>
    </row>
    <row r="364" spans="1:2" x14ac:dyDescent="0.3">
      <c r="A364" t="s">
        <v>363</v>
      </c>
      <c r="B364">
        <v>32767</v>
      </c>
    </row>
    <row r="365" spans="1:2" x14ac:dyDescent="0.3">
      <c r="A365" t="s">
        <v>364</v>
      </c>
      <c r="B365">
        <v>32767</v>
      </c>
    </row>
    <row r="366" spans="1:2" x14ac:dyDescent="0.3">
      <c r="A366" t="s">
        <v>365</v>
      </c>
      <c r="B366">
        <v>32767</v>
      </c>
    </row>
    <row r="367" spans="1:2" x14ac:dyDescent="0.3">
      <c r="A367" t="s">
        <v>366</v>
      </c>
      <c r="B367">
        <v>32767</v>
      </c>
    </row>
    <row r="368" spans="1:2" x14ac:dyDescent="0.3">
      <c r="A368" t="s">
        <v>367</v>
      </c>
      <c r="B368">
        <v>32767</v>
      </c>
    </row>
    <row r="369" spans="1:2" x14ac:dyDescent="0.3">
      <c r="A369" t="s">
        <v>368</v>
      </c>
      <c r="B369">
        <v>32767</v>
      </c>
    </row>
    <row r="370" spans="1:2" x14ac:dyDescent="0.3">
      <c r="A370" t="s">
        <v>369</v>
      </c>
      <c r="B370">
        <v>32767</v>
      </c>
    </row>
    <row r="371" spans="1:2" x14ac:dyDescent="0.3">
      <c r="A371" t="s">
        <v>370</v>
      </c>
      <c r="B371">
        <v>32767</v>
      </c>
    </row>
    <row r="372" spans="1:2" x14ac:dyDescent="0.3">
      <c r="A372" t="s">
        <v>371</v>
      </c>
      <c r="B372">
        <v>32767</v>
      </c>
    </row>
    <row r="373" spans="1:2" x14ac:dyDescent="0.3">
      <c r="A373" t="s">
        <v>372</v>
      </c>
      <c r="B373">
        <v>32767</v>
      </c>
    </row>
    <row r="374" spans="1:2" x14ac:dyDescent="0.3">
      <c r="A374" t="s">
        <v>373</v>
      </c>
      <c r="B374">
        <v>32767</v>
      </c>
    </row>
    <row r="375" spans="1:2" x14ac:dyDescent="0.3">
      <c r="A375" t="s">
        <v>374</v>
      </c>
      <c r="B375">
        <v>32767</v>
      </c>
    </row>
    <row r="376" spans="1:2" x14ac:dyDescent="0.3">
      <c r="A376" t="s">
        <v>375</v>
      </c>
      <c r="B376">
        <v>32767</v>
      </c>
    </row>
    <row r="377" spans="1:2" x14ac:dyDescent="0.3">
      <c r="A377" t="s">
        <v>376</v>
      </c>
      <c r="B377">
        <v>32676</v>
      </c>
    </row>
    <row r="378" spans="1:2" x14ac:dyDescent="0.3">
      <c r="A378" t="s">
        <v>377</v>
      </c>
      <c r="B378">
        <v>31562</v>
      </c>
    </row>
    <row r="379" spans="1:2" x14ac:dyDescent="0.3">
      <c r="A379" t="s">
        <v>378</v>
      </c>
      <c r="B379">
        <v>30343</v>
      </c>
    </row>
    <row r="380" spans="1:2" x14ac:dyDescent="0.3">
      <c r="A380" t="s">
        <v>379</v>
      </c>
      <c r="B380">
        <v>29439</v>
      </c>
    </row>
    <row r="381" spans="1:2" x14ac:dyDescent="0.3">
      <c r="A381" t="s">
        <v>380</v>
      </c>
      <c r="B381">
        <v>28562</v>
      </c>
    </row>
    <row r="382" spans="1:2" x14ac:dyDescent="0.3">
      <c r="A382" t="s">
        <v>381</v>
      </c>
      <c r="B382">
        <v>27640</v>
      </c>
    </row>
    <row r="383" spans="1:2" x14ac:dyDescent="0.3">
      <c r="A383" t="s">
        <v>382</v>
      </c>
      <c r="B383">
        <v>26656</v>
      </c>
    </row>
    <row r="384" spans="1:2" x14ac:dyDescent="0.3">
      <c r="A384" t="s">
        <v>383</v>
      </c>
      <c r="B384">
        <v>25608</v>
      </c>
    </row>
    <row r="385" spans="1:2" x14ac:dyDescent="0.3">
      <c r="A385" t="s">
        <v>384</v>
      </c>
      <c r="B385">
        <v>24596</v>
      </c>
    </row>
    <row r="386" spans="1:2" x14ac:dyDescent="0.3">
      <c r="A386" t="s">
        <v>385</v>
      </c>
      <c r="B386">
        <v>23563</v>
      </c>
    </row>
    <row r="387" spans="1:2" x14ac:dyDescent="0.3">
      <c r="A387" t="s">
        <v>386</v>
      </c>
      <c r="B387">
        <v>22526</v>
      </c>
    </row>
    <row r="388" spans="1:2" x14ac:dyDescent="0.3">
      <c r="A388" t="s">
        <v>387</v>
      </c>
      <c r="B388">
        <v>21594</v>
      </c>
    </row>
    <row r="389" spans="1:2" x14ac:dyDescent="0.3">
      <c r="A389" t="s">
        <v>388</v>
      </c>
      <c r="B389">
        <v>20683</v>
      </c>
    </row>
    <row r="390" spans="1:2" x14ac:dyDescent="0.3">
      <c r="A390" t="s">
        <v>389</v>
      </c>
      <c r="B390">
        <v>19849</v>
      </c>
    </row>
    <row r="391" spans="1:2" x14ac:dyDescent="0.3">
      <c r="A391" t="s">
        <v>390</v>
      </c>
      <c r="B391">
        <v>19137</v>
      </c>
    </row>
    <row r="392" spans="1:2" x14ac:dyDescent="0.3">
      <c r="A392" t="s">
        <v>391</v>
      </c>
      <c r="B392">
        <v>18405</v>
      </c>
    </row>
    <row r="393" spans="1:2" x14ac:dyDescent="0.3">
      <c r="A393" t="s">
        <v>392</v>
      </c>
      <c r="B393">
        <v>17661</v>
      </c>
    </row>
    <row r="394" spans="1:2" x14ac:dyDescent="0.3">
      <c r="A394" t="s">
        <v>393</v>
      </c>
      <c r="B394">
        <v>17000</v>
      </c>
    </row>
    <row r="395" spans="1:2" x14ac:dyDescent="0.3">
      <c r="A395" t="s">
        <v>394</v>
      </c>
      <c r="B395">
        <v>16470</v>
      </c>
    </row>
    <row r="396" spans="1:2" x14ac:dyDescent="0.3">
      <c r="A396" t="s">
        <v>395</v>
      </c>
      <c r="B396">
        <v>16072</v>
      </c>
    </row>
    <row r="397" spans="1:2" x14ac:dyDescent="0.3">
      <c r="A397" t="s">
        <v>396</v>
      </c>
      <c r="B397">
        <v>15745</v>
      </c>
    </row>
    <row r="398" spans="1:2" x14ac:dyDescent="0.3">
      <c r="A398" t="s">
        <v>397</v>
      </c>
      <c r="B398">
        <v>15466</v>
      </c>
    </row>
    <row r="399" spans="1:2" x14ac:dyDescent="0.3">
      <c r="A399" t="s">
        <v>398</v>
      </c>
      <c r="B399">
        <v>15263</v>
      </c>
    </row>
    <row r="400" spans="1:2" x14ac:dyDescent="0.3">
      <c r="A400" t="s">
        <v>399</v>
      </c>
      <c r="B400">
        <v>15213</v>
      </c>
    </row>
    <row r="401" spans="1:2" x14ac:dyDescent="0.3">
      <c r="A401" t="s">
        <v>400</v>
      </c>
      <c r="B401">
        <v>15507</v>
      </c>
    </row>
    <row r="402" spans="1:2" x14ac:dyDescent="0.3">
      <c r="A402" t="s">
        <v>401</v>
      </c>
      <c r="B402">
        <v>15817</v>
      </c>
    </row>
    <row r="403" spans="1:2" x14ac:dyDescent="0.3">
      <c r="A403" t="s">
        <v>402</v>
      </c>
      <c r="B403">
        <v>16185</v>
      </c>
    </row>
    <row r="404" spans="1:2" x14ac:dyDescent="0.3">
      <c r="A404" t="s">
        <v>403</v>
      </c>
      <c r="B404">
        <v>16709</v>
      </c>
    </row>
    <row r="405" spans="1:2" x14ac:dyDescent="0.3">
      <c r="A405" t="s">
        <v>404</v>
      </c>
      <c r="B405">
        <v>17318</v>
      </c>
    </row>
    <row r="406" spans="1:2" x14ac:dyDescent="0.3">
      <c r="A406" t="s">
        <v>405</v>
      </c>
      <c r="B406">
        <v>17987</v>
      </c>
    </row>
    <row r="407" spans="1:2" x14ac:dyDescent="0.3">
      <c r="A407" t="s">
        <v>406</v>
      </c>
      <c r="B407">
        <v>18692</v>
      </c>
    </row>
    <row r="408" spans="1:2" x14ac:dyDescent="0.3">
      <c r="A408" t="s">
        <v>407</v>
      </c>
      <c r="B408">
        <v>19463</v>
      </c>
    </row>
    <row r="409" spans="1:2" x14ac:dyDescent="0.3">
      <c r="A409" t="s">
        <v>408</v>
      </c>
      <c r="B409">
        <v>20315</v>
      </c>
    </row>
    <row r="410" spans="1:2" x14ac:dyDescent="0.3">
      <c r="A410" t="s">
        <v>409</v>
      </c>
      <c r="B410">
        <v>21207</v>
      </c>
    </row>
    <row r="411" spans="1:2" x14ac:dyDescent="0.3">
      <c r="A411" t="s">
        <v>410</v>
      </c>
      <c r="B411">
        <v>22134</v>
      </c>
    </row>
    <row r="412" spans="1:2" x14ac:dyDescent="0.3">
      <c r="A412" t="s">
        <v>411</v>
      </c>
      <c r="B412">
        <v>23122</v>
      </c>
    </row>
    <row r="413" spans="1:2" x14ac:dyDescent="0.3">
      <c r="A413" t="s">
        <v>412</v>
      </c>
      <c r="B413">
        <v>24104</v>
      </c>
    </row>
    <row r="414" spans="1:2" x14ac:dyDescent="0.3">
      <c r="A414" t="s">
        <v>413</v>
      </c>
      <c r="B414">
        <v>25061</v>
      </c>
    </row>
    <row r="415" spans="1:2" x14ac:dyDescent="0.3">
      <c r="A415" t="s">
        <v>414</v>
      </c>
      <c r="B415">
        <v>25838</v>
      </c>
    </row>
    <row r="416" spans="1:2" x14ac:dyDescent="0.3">
      <c r="A416" t="s">
        <v>415</v>
      </c>
      <c r="B416">
        <v>26590</v>
      </c>
    </row>
    <row r="417" spans="1:2" x14ac:dyDescent="0.3">
      <c r="A417" t="s">
        <v>416</v>
      </c>
      <c r="B417">
        <v>27413</v>
      </c>
    </row>
    <row r="418" spans="1:2" x14ac:dyDescent="0.3">
      <c r="A418" t="s">
        <v>417</v>
      </c>
      <c r="B418">
        <v>28272</v>
      </c>
    </row>
    <row r="419" spans="1:2" x14ac:dyDescent="0.3">
      <c r="A419" t="s">
        <v>418</v>
      </c>
      <c r="B419">
        <v>29357</v>
      </c>
    </row>
    <row r="420" spans="1:2" x14ac:dyDescent="0.3">
      <c r="A420" t="s">
        <v>419</v>
      </c>
      <c r="B420">
        <v>30261</v>
      </c>
    </row>
    <row r="421" spans="1:2" x14ac:dyDescent="0.3">
      <c r="A421" t="s">
        <v>420</v>
      </c>
      <c r="B421">
        <v>31120</v>
      </c>
    </row>
    <row r="422" spans="1:2" x14ac:dyDescent="0.3">
      <c r="A422" t="s">
        <v>421</v>
      </c>
      <c r="B422">
        <v>31891</v>
      </c>
    </row>
    <row r="423" spans="1:2" x14ac:dyDescent="0.3">
      <c r="A423" t="s">
        <v>422</v>
      </c>
      <c r="B423">
        <v>32449</v>
      </c>
    </row>
    <row r="424" spans="1:2" x14ac:dyDescent="0.3">
      <c r="A424" t="s">
        <v>423</v>
      </c>
      <c r="B424">
        <v>32749</v>
      </c>
    </row>
    <row r="425" spans="1:2" x14ac:dyDescent="0.3">
      <c r="A425" t="s">
        <v>424</v>
      </c>
      <c r="B425">
        <v>32767</v>
      </c>
    </row>
    <row r="426" spans="1:2" x14ac:dyDescent="0.3">
      <c r="A426" t="s">
        <v>425</v>
      </c>
      <c r="B426">
        <v>32767</v>
      </c>
    </row>
    <row r="427" spans="1:2" x14ac:dyDescent="0.3">
      <c r="A427" t="s">
        <v>426</v>
      </c>
      <c r="B427">
        <v>32767</v>
      </c>
    </row>
    <row r="428" spans="1:2" x14ac:dyDescent="0.3">
      <c r="A428" t="s">
        <v>427</v>
      </c>
      <c r="B428">
        <v>32767</v>
      </c>
    </row>
    <row r="429" spans="1:2" x14ac:dyDescent="0.3">
      <c r="A429" t="s">
        <v>428</v>
      </c>
      <c r="B429">
        <v>32767</v>
      </c>
    </row>
    <row r="430" spans="1:2" x14ac:dyDescent="0.3">
      <c r="A430" t="s">
        <v>429</v>
      </c>
      <c r="B430">
        <v>32767</v>
      </c>
    </row>
    <row r="431" spans="1:2" x14ac:dyDescent="0.3">
      <c r="A431" t="s">
        <v>430</v>
      </c>
      <c r="B431">
        <v>32767</v>
      </c>
    </row>
    <row r="432" spans="1:2" x14ac:dyDescent="0.3">
      <c r="A432" t="s">
        <v>431</v>
      </c>
      <c r="B432">
        <v>32767</v>
      </c>
    </row>
    <row r="433" spans="1:2" x14ac:dyDescent="0.3">
      <c r="A433" t="s">
        <v>432</v>
      </c>
      <c r="B433">
        <v>32767</v>
      </c>
    </row>
    <row r="434" spans="1:2" x14ac:dyDescent="0.3">
      <c r="A434" t="s">
        <v>433</v>
      </c>
      <c r="B434">
        <v>32767</v>
      </c>
    </row>
    <row r="435" spans="1:2" x14ac:dyDescent="0.3">
      <c r="A435" t="s">
        <v>434</v>
      </c>
      <c r="B435">
        <v>32767</v>
      </c>
    </row>
    <row r="436" spans="1:2" x14ac:dyDescent="0.3">
      <c r="A436" t="s">
        <v>435</v>
      </c>
      <c r="B436">
        <v>32767</v>
      </c>
    </row>
    <row r="437" spans="1:2" x14ac:dyDescent="0.3">
      <c r="A437" t="s">
        <v>436</v>
      </c>
      <c r="B437">
        <v>32767</v>
      </c>
    </row>
    <row r="438" spans="1:2" x14ac:dyDescent="0.3">
      <c r="A438" t="s">
        <v>437</v>
      </c>
      <c r="B438">
        <v>32767</v>
      </c>
    </row>
    <row r="439" spans="1:2" x14ac:dyDescent="0.3">
      <c r="A439" t="s">
        <v>438</v>
      </c>
      <c r="B439">
        <v>32767</v>
      </c>
    </row>
    <row r="440" spans="1:2" x14ac:dyDescent="0.3">
      <c r="A440" t="s">
        <v>439</v>
      </c>
      <c r="B440">
        <v>32767</v>
      </c>
    </row>
    <row r="441" spans="1:2" x14ac:dyDescent="0.3">
      <c r="A441" t="s">
        <v>440</v>
      </c>
      <c r="B441">
        <v>32767</v>
      </c>
    </row>
    <row r="442" spans="1:2" x14ac:dyDescent="0.3">
      <c r="A442" t="s">
        <v>441</v>
      </c>
      <c r="B442">
        <v>32767</v>
      </c>
    </row>
    <row r="443" spans="1:2" x14ac:dyDescent="0.3">
      <c r="A443" t="s">
        <v>442</v>
      </c>
      <c r="B443">
        <v>32767</v>
      </c>
    </row>
    <row r="444" spans="1:2" x14ac:dyDescent="0.3">
      <c r="A444" t="s">
        <v>443</v>
      </c>
      <c r="B444">
        <v>32661</v>
      </c>
    </row>
    <row r="445" spans="1:2" x14ac:dyDescent="0.3">
      <c r="A445" t="s">
        <v>444</v>
      </c>
      <c r="B445">
        <v>31537</v>
      </c>
    </row>
    <row r="446" spans="1:2" x14ac:dyDescent="0.3">
      <c r="A446" t="s">
        <v>445</v>
      </c>
      <c r="B446">
        <v>30405</v>
      </c>
    </row>
    <row r="447" spans="1:2" x14ac:dyDescent="0.3">
      <c r="A447" t="s">
        <v>446</v>
      </c>
      <c r="B447">
        <v>29546</v>
      </c>
    </row>
    <row r="448" spans="1:2" x14ac:dyDescent="0.3">
      <c r="A448" t="s">
        <v>447</v>
      </c>
      <c r="B448">
        <v>28673</v>
      </c>
    </row>
    <row r="449" spans="1:2" x14ac:dyDescent="0.3">
      <c r="A449" t="s">
        <v>448</v>
      </c>
      <c r="B449">
        <v>27701</v>
      </c>
    </row>
    <row r="450" spans="1:2" x14ac:dyDescent="0.3">
      <c r="A450" t="s">
        <v>449</v>
      </c>
      <c r="B450">
        <v>26679</v>
      </c>
    </row>
    <row r="451" spans="1:2" x14ac:dyDescent="0.3">
      <c r="A451" t="s">
        <v>450</v>
      </c>
      <c r="B451">
        <v>25682</v>
      </c>
    </row>
    <row r="452" spans="1:2" x14ac:dyDescent="0.3">
      <c r="A452" t="s">
        <v>451</v>
      </c>
      <c r="B452">
        <v>24690</v>
      </c>
    </row>
    <row r="453" spans="1:2" x14ac:dyDescent="0.3">
      <c r="A453" t="s">
        <v>452</v>
      </c>
      <c r="B453">
        <v>23607</v>
      </c>
    </row>
    <row r="454" spans="1:2" x14ac:dyDescent="0.3">
      <c r="A454" t="s">
        <v>453</v>
      </c>
      <c r="B454">
        <v>22605</v>
      </c>
    </row>
    <row r="455" spans="1:2" x14ac:dyDescent="0.3">
      <c r="A455" t="s">
        <v>454</v>
      </c>
      <c r="B455">
        <v>21639</v>
      </c>
    </row>
    <row r="456" spans="1:2" x14ac:dyDescent="0.3">
      <c r="A456" t="s">
        <v>455</v>
      </c>
      <c r="B456">
        <v>20680</v>
      </c>
    </row>
    <row r="457" spans="1:2" x14ac:dyDescent="0.3">
      <c r="A457" t="s">
        <v>456</v>
      </c>
      <c r="B457">
        <v>19829</v>
      </c>
    </row>
    <row r="458" spans="1:2" x14ac:dyDescent="0.3">
      <c r="A458" t="s">
        <v>457</v>
      </c>
      <c r="B458">
        <v>19106</v>
      </c>
    </row>
    <row r="459" spans="1:2" x14ac:dyDescent="0.3">
      <c r="A459" t="s">
        <v>458</v>
      </c>
      <c r="B459">
        <v>18350</v>
      </c>
    </row>
    <row r="460" spans="1:2" x14ac:dyDescent="0.3">
      <c r="A460" t="s">
        <v>459</v>
      </c>
      <c r="B460">
        <v>17626</v>
      </c>
    </row>
    <row r="461" spans="1:2" x14ac:dyDescent="0.3">
      <c r="A461" t="s">
        <v>460</v>
      </c>
      <c r="B461">
        <v>17004</v>
      </c>
    </row>
    <row r="462" spans="1:2" x14ac:dyDescent="0.3">
      <c r="A462" t="s">
        <v>461</v>
      </c>
      <c r="B462">
        <v>16494</v>
      </c>
    </row>
    <row r="463" spans="1:2" x14ac:dyDescent="0.3">
      <c r="A463" t="s">
        <v>462</v>
      </c>
      <c r="B463">
        <v>16105</v>
      </c>
    </row>
    <row r="464" spans="1:2" x14ac:dyDescent="0.3">
      <c r="A464" t="s">
        <v>463</v>
      </c>
      <c r="B464">
        <v>15782</v>
      </c>
    </row>
    <row r="465" spans="1:2" x14ac:dyDescent="0.3">
      <c r="A465" t="s">
        <v>464</v>
      </c>
      <c r="B465">
        <v>15538</v>
      </c>
    </row>
    <row r="466" spans="1:2" x14ac:dyDescent="0.3">
      <c r="A466" t="s">
        <v>465</v>
      </c>
      <c r="B466">
        <v>15361</v>
      </c>
    </row>
    <row r="467" spans="1:2" x14ac:dyDescent="0.3">
      <c r="A467" t="s">
        <v>466</v>
      </c>
      <c r="B467">
        <v>15433</v>
      </c>
    </row>
    <row r="468" spans="1:2" x14ac:dyDescent="0.3">
      <c r="A468" t="s">
        <v>467</v>
      </c>
      <c r="B468">
        <v>15728</v>
      </c>
    </row>
    <row r="469" spans="1:2" x14ac:dyDescent="0.3">
      <c r="A469" t="s">
        <v>468</v>
      </c>
      <c r="B469">
        <v>16029</v>
      </c>
    </row>
    <row r="470" spans="1:2" x14ac:dyDescent="0.3">
      <c r="A470" t="s">
        <v>469</v>
      </c>
      <c r="B470">
        <v>16449</v>
      </c>
    </row>
    <row r="471" spans="1:2" x14ac:dyDescent="0.3">
      <c r="A471" t="s">
        <v>470</v>
      </c>
      <c r="B471">
        <v>17015</v>
      </c>
    </row>
    <row r="472" spans="1:2" x14ac:dyDescent="0.3">
      <c r="A472" t="s">
        <v>471</v>
      </c>
      <c r="B472">
        <v>17653</v>
      </c>
    </row>
    <row r="473" spans="1:2" x14ac:dyDescent="0.3">
      <c r="A473" t="s">
        <v>472</v>
      </c>
      <c r="B473">
        <v>18306</v>
      </c>
    </row>
    <row r="474" spans="1:2" x14ac:dyDescent="0.3">
      <c r="A474" t="s">
        <v>473</v>
      </c>
      <c r="B474">
        <v>18985</v>
      </c>
    </row>
    <row r="475" spans="1:2" x14ac:dyDescent="0.3">
      <c r="A475" t="s">
        <v>474</v>
      </c>
      <c r="B475">
        <v>19779</v>
      </c>
    </row>
    <row r="476" spans="1:2" x14ac:dyDescent="0.3">
      <c r="A476" t="s">
        <v>475</v>
      </c>
      <c r="B476">
        <v>20653</v>
      </c>
    </row>
    <row r="477" spans="1:2" x14ac:dyDescent="0.3">
      <c r="A477" t="s">
        <v>476</v>
      </c>
      <c r="B477">
        <v>21555</v>
      </c>
    </row>
    <row r="478" spans="1:2" x14ac:dyDescent="0.3">
      <c r="A478" t="s">
        <v>477</v>
      </c>
      <c r="B478">
        <v>22493</v>
      </c>
    </row>
    <row r="479" spans="1:2" x14ac:dyDescent="0.3">
      <c r="A479" t="s">
        <v>478</v>
      </c>
      <c r="B479">
        <v>23469</v>
      </c>
    </row>
    <row r="480" spans="1:2" x14ac:dyDescent="0.3">
      <c r="A480" t="s">
        <v>479</v>
      </c>
      <c r="B480">
        <v>24455</v>
      </c>
    </row>
    <row r="481" spans="1:2" x14ac:dyDescent="0.3">
      <c r="A481" t="s">
        <v>480</v>
      </c>
      <c r="B481">
        <v>25339</v>
      </c>
    </row>
    <row r="482" spans="1:2" x14ac:dyDescent="0.3">
      <c r="A482" t="s">
        <v>481</v>
      </c>
      <c r="B482">
        <v>26072</v>
      </c>
    </row>
    <row r="483" spans="1:2" x14ac:dyDescent="0.3">
      <c r="A483" t="s">
        <v>482</v>
      </c>
      <c r="B483">
        <v>26876</v>
      </c>
    </row>
    <row r="484" spans="1:2" x14ac:dyDescent="0.3">
      <c r="A484" t="s">
        <v>483</v>
      </c>
      <c r="B484">
        <v>27736</v>
      </c>
    </row>
    <row r="485" spans="1:2" x14ac:dyDescent="0.3">
      <c r="A485" t="s">
        <v>484</v>
      </c>
      <c r="B485">
        <v>28598</v>
      </c>
    </row>
    <row r="486" spans="1:2" x14ac:dyDescent="0.3">
      <c r="A486" t="s">
        <v>485</v>
      </c>
      <c r="B486">
        <v>29697</v>
      </c>
    </row>
    <row r="487" spans="1:2" x14ac:dyDescent="0.3">
      <c r="A487" t="s">
        <v>486</v>
      </c>
      <c r="B487">
        <v>30521</v>
      </c>
    </row>
    <row r="488" spans="1:2" x14ac:dyDescent="0.3">
      <c r="A488" t="s">
        <v>487</v>
      </c>
      <c r="B488">
        <v>31366</v>
      </c>
    </row>
    <row r="489" spans="1:2" x14ac:dyDescent="0.3">
      <c r="A489" t="s">
        <v>488</v>
      </c>
      <c r="B489">
        <v>32074</v>
      </c>
    </row>
    <row r="490" spans="1:2" x14ac:dyDescent="0.3">
      <c r="A490" t="s">
        <v>489</v>
      </c>
      <c r="B490">
        <v>32624</v>
      </c>
    </row>
    <row r="491" spans="1:2" x14ac:dyDescent="0.3">
      <c r="A491" t="s">
        <v>490</v>
      </c>
      <c r="B491">
        <v>32767</v>
      </c>
    </row>
    <row r="492" spans="1:2" x14ac:dyDescent="0.3">
      <c r="A492" t="s">
        <v>491</v>
      </c>
      <c r="B492">
        <v>32767</v>
      </c>
    </row>
    <row r="493" spans="1:2" x14ac:dyDescent="0.3">
      <c r="A493" t="s">
        <v>492</v>
      </c>
      <c r="B493">
        <v>32767</v>
      </c>
    </row>
    <row r="494" spans="1:2" x14ac:dyDescent="0.3">
      <c r="A494" t="s">
        <v>493</v>
      </c>
      <c r="B494">
        <v>32767</v>
      </c>
    </row>
    <row r="495" spans="1:2" x14ac:dyDescent="0.3">
      <c r="A495" t="s">
        <v>494</v>
      </c>
      <c r="B495">
        <v>32767</v>
      </c>
    </row>
    <row r="496" spans="1:2" x14ac:dyDescent="0.3">
      <c r="A496" t="s">
        <v>495</v>
      </c>
      <c r="B496">
        <v>32767</v>
      </c>
    </row>
    <row r="497" spans="1:2" x14ac:dyDescent="0.3">
      <c r="A497" t="s">
        <v>496</v>
      </c>
      <c r="B497">
        <v>32767</v>
      </c>
    </row>
    <row r="498" spans="1:2" x14ac:dyDescent="0.3">
      <c r="A498" t="s">
        <v>497</v>
      </c>
      <c r="B498">
        <v>32767</v>
      </c>
    </row>
    <row r="499" spans="1:2" x14ac:dyDescent="0.3">
      <c r="A499" t="s">
        <v>498</v>
      </c>
      <c r="B499">
        <v>32767</v>
      </c>
    </row>
    <row r="500" spans="1:2" x14ac:dyDescent="0.3">
      <c r="A500" t="s">
        <v>499</v>
      </c>
      <c r="B500">
        <v>32767</v>
      </c>
    </row>
    <row r="501" spans="1:2" x14ac:dyDescent="0.3">
      <c r="A501" t="s">
        <v>500</v>
      </c>
      <c r="B501">
        <v>32767</v>
      </c>
    </row>
    <row r="502" spans="1:2" x14ac:dyDescent="0.3">
      <c r="A502" t="s">
        <v>501</v>
      </c>
      <c r="B502">
        <v>32767</v>
      </c>
    </row>
    <row r="503" spans="1:2" x14ac:dyDescent="0.3">
      <c r="A503" t="s">
        <v>502</v>
      </c>
      <c r="B503">
        <v>32767</v>
      </c>
    </row>
    <row r="504" spans="1:2" x14ac:dyDescent="0.3">
      <c r="A504" t="s">
        <v>503</v>
      </c>
      <c r="B504">
        <v>32767</v>
      </c>
    </row>
    <row r="505" spans="1:2" x14ac:dyDescent="0.3">
      <c r="A505" t="s">
        <v>504</v>
      </c>
      <c r="B505">
        <v>32767</v>
      </c>
    </row>
    <row r="506" spans="1:2" x14ac:dyDescent="0.3">
      <c r="A506" t="s">
        <v>505</v>
      </c>
      <c r="B506">
        <v>32767</v>
      </c>
    </row>
    <row r="507" spans="1:2" x14ac:dyDescent="0.3">
      <c r="A507" t="s">
        <v>506</v>
      </c>
      <c r="B507">
        <v>32767</v>
      </c>
    </row>
    <row r="508" spans="1:2" x14ac:dyDescent="0.3">
      <c r="A508" t="s">
        <v>507</v>
      </c>
      <c r="B508">
        <v>32767</v>
      </c>
    </row>
    <row r="509" spans="1:2" x14ac:dyDescent="0.3">
      <c r="A509" t="s">
        <v>508</v>
      </c>
      <c r="B509">
        <v>32767</v>
      </c>
    </row>
    <row r="510" spans="1:2" x14ac:dyDescent="0.3">
      <c r="A510" t="s">
        <v>509</v>
      </c>
      <c r="B510">
        <v>32765</v>
      </c>
    </row>
    <row r="511" spans="1:2" x14ac:dyDescent="0.3">
      <c r="A511" t="s">
        <v>510</v>
      </c>
      <c r="B511">
        <v>32226</v>
      </c>
    </row>
    <row r="512" spans="1:2" x14ac:dyDescent="0.3">
      <c r="A512" t="s">
        <v>511</v>
      </c>
      <c r="B512">
        <v>30814</v>
      </c>
    </row>
    <row r="513" spans="1:2" x14ac:dyDescent="0.3">
      <c r="A513" t="s">
        <v>512</v>
      </c>
      <c r="B513">
        <v>29861</v>
      </c>
    </row>
    <row r="514" spans="1:2" x14ac:dyDescent="0.3">
      <c r="A514" t="s">
        <v>513</v>
      </c>
      <c r="B514">
        <v>28978</v>
      </c>
    </row>
    <row r="515" spans="1:2" x14ac:dyDescent="0.3">
      <c r="A515" t="s">
        <v>514</v>
      </c>
      <c r="B515">
        <v>28086</v>
      </c>
    </row>
    <row r="516" spans="1:2" x14ac:dyDescent="0.3">
      <c r="A516" t="s">
        <v>515</v>
      </c>
      <c r="B516">
        <v>27094</v>
      </c>
    </row>
    <row r="517" spans="1:2" x14ac:dyDescent="0.3">
      <c r="A517" t="s">
        <v>516</v>
      </c>
      <c r="B517">
        <v>26066</v>
      </c>
    </row>
    <row r="518" spans="1:2" x14ac:dyDescent="0.3">
      <c r="A518" t="s">
        <v>517</v>
      </c>
      <c r="B518">
        <v>25064</v>
      </c>
    </row>
    <row r="519" spans="1:2" x14ac:dyDescent="0.3">
      <c r="A519" t="s">
        <v>518</v>
      </c>
      <c r="B519">
        <v>24076</v>
      </c>
    </row>
    <row r="520" spans="1:2" x14ac:dyDescent="0.3">
      <c r="A520" t="s">
        <v>519</v>
      </c>
      <c r="B520">
        <v>23011</v>
      </c>
    </row>
    <row r="521" spans="1:2" x14ac:dyDescent="0.3">
      <c r="A521" t="s">
        <v>520</v>
      </c>
      <c r="B521">
        <v>22083</v>
      </c>
    </row>
    <row r="522" spans="1:2" x14ac:dyDescent="0.3">
      <c r="A522" t="s">
        <v>521</v>
      </c>
      <c r="B522">
        <v>21178</v>
      </c>
    </row>
    <row r="523" spans="1:2" x14ac:dyDescent="0.3">
      <c r="A523" t="s">
        <v>522</v>
      </c>
      <c r="B523">
        <v>20289</v>
      </c>
    </row>
    <row r="524" spans="1:2" x14ac:dyDescent="0.3">
      <c r="A524" t="s">
        <v>523</v>
      </c>
      <c r="B524">
        <v>19528</v>
      </c>
    </row>
    <row r="525" spans="1:2" x14ac:dyDescent="0.3">
      <c r="A525" t="s">
        <v>524</v>
      </c>
      <c r="B525">
        <v>18829</v>
      </c>
    </row>
    <row r="526" spans="1:2" x14ac:dyDescent="0.3">
      <c r="A526" t="s">
        <v>525</v>
      </c>
      <c r="B526">
        <v>18084</v>
      </c>
    </row>
    <row r="527" spans="1:2" x14ac:dyDescent="0.3">
      <c r="A527" t="s">
        <v>526</v>
      </c>
      <c r="B527">
        <v>17396</v>
      </c>
    </row>
    <row r="528" spans="1:2" x14ac:dyDescent="0.3">
      <c r="A528" t="s">
        <v>527</v>
      </c>
      <c r="B528">
        <v>16825</v>
      </c>
    </row>
    <row r="529" spans="1:2" x14ac:dyDescent="0.3">
      <c r="A529" t="s">
        <v>528</v>
      </c>
      <c r="B529">
        <v>16371</v>
      </c>
    </row>
    <row r="530" spans="1:2" x14ac:dyDescent="0.3">
      <c r="A530" t="s">
        <v>529</v>
      </c>
      <c r="B530">
        <v>16014</v>
      </c>
    </row>
    <row r="531" spans="1:2" x14ac:dyDescent="0.3">
      <c r="A531" t="s">
        <v>530</v>
      </c>
      <c r="B531">
        <v>15728</v>
      </c>
    </row>
    <row r="532" spans="1:2" x14ac:dyDescent="0.3">
      <c r="A532" t="s">
        <v>531</v>
      </c>
      <c r="B532">
        <v>15543</v>
      </c>
    </row>
    <row r="533" spans="1:2" x14ac:dyDescent="0.3">
      <c r="A533" t="s">
        <v>532</v>
      </c>
      <c r="B533">
        <v>15449</v>
      </c>
    </row>
    <row r="534" spans="1:2" x14ac:dyDescent="0.3">
      <c r="A534" t="s">
        <v>533</v>
      </c>
      <c r="B534">
        <v>15625</v>
      </c>
    </row>
    <row r="535" spans="1:2" x14ac:dyDescent="0.3">
      <c r="A535" t="s">
        <v>534</v>
      </c>
      <c r="B535">
        <v>15923</v>
      </c>
    </row>
    <row r="536" spans="1:2" x14ac:dyDescent="0.3">
      <c r="A536" t="s">
        <v>535</v>
      </c>
      <c r="B536">
        <v>16234</v>
      </c>
    </row>
    <row r="537" spans="1:2" x14ac:dyDescent="0.3">
      <c r="A537" t="s">
        <v>536</v>
      </c>
      <c r="B537">
        <v>16716</v>
      </c>
    </row>
    <row r="538" spans="1:2" x14ac:dyDescent="0.3">
      <c r="A538" t="s">
        <v>537</v>
      </c>
      <c r="B538">
        <v>17293</v>
      </c>
    </row>
    <row r="539" spans="1:2" x14ac:dyDescent="0.3">
      <c r="A539" t="s">
        <v>538</v>
      </c>
      <c r="B539">
        <v>17965</v>
      </c>
    </row>
    <row r="540" spans="1:2" x14ac:dyDescent="0.3">
      <c r="A540" t="s">
        <v>539</v>
      </c>
      <c r="B540">
        <v>18622</v>
      </c>
    </row>
    <row r="541" spans="1:2" x14ac:dyDescent="0.3">
      <c r="A541" t="s">
        <v>540</v>
      </c>
      <c r="B541">
        <v>19336</v>
      </c>
    </row>
    <row r="542" spans="1:2" x14ac:dyDescent="0.3">
      <c r="A542" t="s">
        <v>541</v>
      </c>
      <c r="B542">
        <v>20171</v>
      </c>
    </row>
    <row r="543" spans="1:2" x14ac:dyDescent="0.3">
      <c r="A543" t="s">
        <v>542</v>
      </c>
      <c r="B543">
        <v>21033</v>
      </c>
    </row>
    <row r="544" spans="1:2" x14ac:dyDescent="0.3">
      <c r="A544" t="s">
        <v>543</v>
      </c>
      <c r="B544">
        <v>21956</v>
      </c>
    </row>
    <row r="545" spans="1:2" x14ac:dyDescent="0.3">
      <c r="A545" t="s">
        <v>544</v>
      </c>
      <c r="B545">
        <v>22910</v>
      </c>
    </row>
    <row r="546" spans="1:2" x14ac:dyDescent="0.3">
      <c r="A546" t="s">
        <v>545</v>
      </c>
      <c r="B546">
        <v>23875</v>
      </c>
    </row>
    <row r="547" spans="1:2" x14ac:dyDescent="0.3">
      <c r="A547" t="s">
        <v>546</v>
      </c>
      <c r="B547">
        <v>24831</v>
      </c>
    </row>
    <row r="548" spans="1:2" x14ac:dyDescent="0.3">
      <c r="A548" t="s">
        <v>547</v>
      </c>
      <c r="B548">
        <v>25651</v>
      </c>
    </row>
    <row r="549" spans="1:2" x14ac:dyDescent="0.3">
      <c r="A549" t="s">
        <v>548</v>
      </c>
      <c r="B549">
        <v>26383</v>
      </c>
    </row>
    <row r="550" spans="1:2" x14ac:dyDescent="0.3">
      <c r="A550" t="s">
        <v>549</v>
      </c>
      <c r="B550">
        <v>27182</v>
      </c>
    </row>
    <row r="551" spans="1:2" x14ac:dyDescent="0.3">
      <c r="A551" t="s">
        <v>550</v>
      </c>
      <c r="B551">
        <v>28015</v>
      </c>
    </row>
    <row r="552" spans="1:2" x14ac:dyDescent="0.3">
      <c r="A552" t="s">
        <v>551</v>
      </c>
      <c r="B552">
        <v>29002</v>
      </c>
    </row>
    <row r="553" spans="1:2" x14ac:dyDescent="0.3">
      <c r="A553" t="s">
        <v>552</v>
      </c>
      <c r="B553">
        <v>30044</v>
      </c>
    </row>
    <row r="554" spans="1:2" x14ac:dyDescent="0.3">
      <c r="A554" t="s">
        <v>553</v>
      </c>
      <c r="B554">
        <v>30859</v>
      </c>
    </row>
    <row r="555" spans="1:2" x14ac:dyDescent="0.3">
      <c r="A555" t="s">
        <v>554</v>
      </c>
      <c r="B555">
        <v>31672</v>
      </c>
    </row>
    <row r="556" spans="1:2" x14ac:dyDescent="0.3">
      <c r="A556" t="s">
        <v>555</v>
      </c>
      <c r="B556">
        <v>32307</v>
      </c>
    </row>
    <row r="557" spans="1:2" x14ac:dyDescent="0.3">
      <c r="A557" t="s">
        <v>556</v>
      </c>
      <c r="B557">
        <v>32723</v>
      </c>
    </row>
    <row r="558" spans="1:2" x14ac:dyDescent="0.3">
      <c r="A558" t="s">
        <v>557</v>
      </c>
      <c r="B558">
        <v>32767</v>
      </c>
    </row>
    <row r="559" spans="1:2" x14ac:dyDescent="0.3">
      <c r="A559" t="s">
        <v>558</v>
      </c>
      <c r="B559">
        <v>32767</v>
      </c>
    </row>
    <row r="560" spans="1:2" x14ac:dyDescent="0.3">
      <c r="A560" t="s">
        <v>559</v>
      </c>
      <c r="B560">
        <v>32767</v>
      </c>
    </row>
    <row r="561" spans="1:2" x14ac:dyDescent="0.3">
      <c r="A561" t="s">
        <v>560</v>
      </c>
      <c r="B561">
        <v>32767</v>
      </c>
    </row>
    <row r="562" spans="1:2" x14ac:dyDescent="0.3">
      <c r="A562" t="s">
        <v>561</v>
      </c>
      <c r="B562">
        <v>32767</v>
      </c>
    </row>
    <row r="563" spans="1:2" x14ac:dyDescent="0.3">
      <c r="A563" t="s">
        <v>562</v>
      </c>
      <c r="B563">
        <v>32767</v>
      </c>
    </row>
    <row r="564" spans="1:2" x14ac:dyDescent="0.3">
      <c r="A564" t="s">
        <v>563</v>
      </c>
      <c r="B564">
        <v>32767</v>
      </c>
    </row>
    <row r="565" spans="1:2" x14ac:dyDescent="0.3">
      <c r="A565" t="s">
        <v>564</v>
      </c>
      <c r="B565">
        <v>32767</v>
      </c>
    </row>
    <row r="566" spans="1:2" x14ac:dyDescent="0.3">
      <c r="A566" t="s">
        <v>565</v>
      </c>
      <c r="B566">
        <v>32767</v>
      </c>
    </row>
    <row r="567" spans="1:2" x14ac:dyDescent="0.3">
      <c r="A567" t="s">
        <v>566</v>
      </c>
      <c r="B567">
        <v>32767</v>
      </c>
    </row>
    <row r="568" spans="1:2" x14ac:dyDescent="0.3">
      <c r="A568" t="s">
        <v>567</v>
      </c>
      <c r="B568">
        <v>32767</v>
      </c>
    </row>
    <row r="569" spans="1:2" x14ac:dyDescent="0.3">
      <c r="A569" t="s">
        <v>568</v>
      </c>
      <c r="B569">
        <v>32767</v>
      </c>
    </row>
    <row r="570" spans="1:2" x14ac:dyDescent="0.3">
      <c r="A570" t="s">
        <v>569</v>
      </c>
      <c r="B570">
        <v>32767</v>
      </c>
    </row>
    <row r="571" spans="1:2" x14ac:dyDescent="0.3">
      <c r="A571" t="s">
        <v>570</v>
      </c>
      <c r="B571">
        <v>32767</v>
      </c>
    </row>
    <row r="572" spans="1:2" x14ac:dyDescent="0.3">
      <c r="A572" t="s">
        <v>571</v>
      </c>
      <c r="B572">
        <v>32767</v>
      </c>
    </row>
    <row r="573" spans="1:2" x14ac:dyDescent="0.3">
      <c r="A573" t="s">
        <v>572</v>
      </c>
      <c r="B573">
        <v>32767</v>
      </c>
    </row>
    <row r="574" spans="1:2" x14ac:dyDescent="0.3">
      <c r="A574" t="s">
        <v>573</v>
      </c>
      <c r="B574">
        <v>32767</v>
      </c>
    </row>
    <row r="575" spans="1:2" x14ac:dyDescent="0.3">
      <c r="A575" t="s">
        <v>574</v>
      </c>
      <c r="B575">
        <v>32767</v>
      </c>
    </row>
    <row r="576" spans="1:2" x14ac:dyDescent="0.3">
      <c r="A576" t="s">
        <v>575</v>
      </c>
      <c r="B576">
        <v>32767</v>
      </c>
    </row>
    <row r="577" spans="1:2" x14ac:dyDescent="0.3">
      <c r="A577" t="s">
        <v>576</v>
      </c>
      <c r="B577">
        <v>32742</v>
      </c>
    </row>
    <row r="578" spans="1:2" x14ac:dyDescent="0.3">
      <c r="A578" t="s">
        <v>577</v>
      </c>
      <c r="B578">
        <v>31917</v>
      </c>
    </row>
    <row r="579" spans="1:2" x14ac:dyDescent="0.3">
      <c r="A579" t="s">
        <v>578</v>
      </c>
      <c r="B579">
        <v>30600</v>
      </c>
    </row>
    <row r="580" spans="1:2" x14ac:dyDescent="0.3">
      <c r="A580" t="s">
        <v>579</v>
      </c>
      <c r="B580">
        <v>29713</v>
      </c>
    </row>
    <row r="581" spans="1:2" x14ac:dyDescent="0.3">
      <c r="A581" t="s">
        <v>580</v>
      </c>
      <c r="B581">
        <v>28835</v>
      </c>
    </row>
    <row r="582" spans="1:2" x14ac:dyDescent="0.3">
      <c r="A582" t="s">
        <v>581</v>
      </c>
      <c r="B582">
        <v>27905</v>
      </c>
    </row>
    <row r="583" spans="1:2" x14ac:dyDescent="0.3">
      <c r="A583" t="s">
        <v>582</v>
      </c>
      <c r="B583">
        <v>26911</v>
      </c>
    </row>
    <row r="584" spans="1:2" x14ac:dyDescent="0.3">
      <c r="A584" t="s">
        <v>583</v>
      </c>
      <c r="B584">
        <v>25891</v>
      </c>
    </row>
    <row r="585" spans="1:2" x14ac:dyDescent="0.3">
      <c r="A585" t="s">
        <v>584</v>
      </c>
      <c r="B585">
        <v>24903</v>
      </c>
    </row>
    <row r="586" spans="1:2" x14ac:dyDescent="0.3">
      <c r="A586" t="s">
        <v>585</v>
      </c>
      <c r="B586">
        <v>23880</v>
      </c>
    </row>
    <row r="587" spans="1:2" x14ac:dyDescent="0.3">
      <c r="A587" t="s">
        <v>586</v>
      </c>
      <c r="B587">
        <v>22859</v>
      </c>
    </row>
    <row r="588" spans="1:2" x14ac:dyDescent="0.3">
      <c r="A588" t="s">
        <v>587</v>
      </c>
      <c r="B588">
        <v>21942</v>
      </c>
    </row>
    <row r="589" spans="1:2" x14ac:dyDescent="0.3">
      <c r="A589" t="s">
        <v>588</v>
      </c>
      <c r="B589">
        <v>21068</v>
      </c>
    </row>
    <row r="590" spans="1:2" x14ac:dyDescent="0.3">
      <c r="A590" t="s">
        <v>589</v>
      </c>
      <c r="B590">
        <v>20206</v>
      </c>
    </row>
    <row r="591" spans="1:2" x14ac:dyDescent="0.3">
      <c r="A591" t="s">
        <v>590</v>
      </c>
      <c r="B591">
        <v>19475</v>
      </c>
    </row>
    <row r="592" spans="1:2" x14ac:dyDescent="0.3">
      <c r="A592" t="s">
        <v>591</v>
      </c>
      <c r="B592">
        <v>18775</v>
      </c>
    </row>
    <row r="593" spans="1:2" x14ac:dyDescent="0.3">
      <c r="A593" t="s">
        <v>592</v>
      </c>
      <c r="B593">
        <v>18046</v>
      </c>
    </row>
    <row r="594" spans="1:2" x14ac:dyDescent="0.3">
      <c r="A594" t="s">
        <v>593</v>
      </c>
      <c r="B594">
        <v>17388</v>
      </c>
    </row>
    <row r="595" spans="1:2" x14ac:dyDescent="0.3">
      <c r="A595" t="s">
        <v>594</v>
      </c>
      <c r="B595">
        <v>16855</v>
      </c>
    </row>
    <row r="596" spans="1:2" x14ac:dyDescent="0.3">
      <c r="A596" t="s">
        <v>595</v>
      </c>
      <c r="B596">
        <v>16467</v>
      </c>
    </row>
    <row r="597" spans="1:2" x14ac:dyDescent="0.3">
      <c r="A597" t="s">
        <v>596</v>
      </c>
      <c r="B597">
        <v>16130</v>
      </c>
    </row>
    <row r="598" spans="1:2" x14ac:dyDescent="0.3">
      <c r="A598" t="s">
        <v>597</v>
      </c>
      <c r="B598">
        <v>15861</v>
      </c>
    </row>
    <row r="599" spans="1:2" x14ac:dyDescent="0.3">
      <c r="A599" t="s">
        <v>598</v>
      </c>
      <c r="B599">
        <v>15662</v>
      </c>
    </row>
    <row r="600" spans="1:2" x14ac:dyDescent="0.3">
      <c r="A600" t="s">
        <v>599</v>
      </c>
      <c r="B600">
        <v>15618</v>
      </c>
    </row>
    <row r="601" spans="1:2" x14ac:dyDescent="0.3">
      <c r="A601" t="s">
        <v>600</v>
      </c>
      <c r="B601">
        <v>15906</v>
      </c>
    </row>
    <row r="602" spans="1:2" x14ac:dyDescent="0.3">
      <c r="A602" t="s">
        <v>601</v>
      </c>
      <c r="B602">
        <v>16209</v>
      </c>
    </row>
    <row r="603" spans="1:2" x14ac:dyDescent="0.3">
      <c r="A603" t="s">
        <v>602</v>
      </c>
      <c r="B603">
        <v>16566</v>
      </c>
    </row>
    <row r="604" spans="1:2" x14ac:dyDescent="0.3">
      <c r="A604" t="s">
        <v>603</v>
      </c>
      <c r="B604">
        <v>17075</v>
      </c>
    </row>
    <row r="605" spans="1:2" x14ac:dyDescent="0.3">
      <c r="A605" t="s">
        <v>604</v>
      </c>
      <c r="B605">
        <v>17685</v>
      </c>
    </row>
    <row r="606" spans="1:2" x14ac:dyDescent="0.3">
      <c r="A606" t="s">
        <v>605</v>
      </c>
      <c r="B606">
        <v>18310</v>
      </c>
    </row>
    <row r="607" spans="1:2" x14ac:dyDescent="0.3">
      <c r="A607" t="s">
        <v>606</v>
      </c>
      <c r="B607">
        <v>18974</v>
      </c>
    </row>
    <row r="608" spans="1:2" x14ac:dyDescent="0.3">
      <c r="A608" t="s">
        <v>607</v>
      </c>
      <c r="B608">
        <v>19736</v>
      </c>
    </row>
    <row r="609" spans="1:2" x14ac:dyDescent="0.3">
      <c r="A609" t="s">
        <v>608</v>
      </c>
      <c r="B609">
        <v>20578</v>
      </c>
    </row>
    <row r="610" spans="1:2" x14ac:dyDescent="0.3">
      <c r="A610" t="s">
        <v>609</v>
      </c>
      <c r="B610">
        <v>21462</v>
      </c>
    </row>
    <row r="611" spans="1:2" x14ac:dyDescent="0.3">
      <c r="A611" t="s">
        <v>610</v>
      </c>
      <c r="B611">
        <v>22389</v>
      </c>
    </row>
    <row r="612" spans="1:2" x14ac:dyDescent="0.3">
      <c r="A612" t="s">
        <v>611</v>
      </c>
      <c r="B612">
        <v>23340</v>
      </c>
    </row>
    <row r="613" spans="1:2" x14ac:dyDescent="0.3">
      <c r="A613" t="s">
        <v>612</v>
      </c>
      <c r="B613">
        <v>24306</v>
      </c>
    </row>
    <row r="614" spans="1:2" x14ac:dyDescent="0.3">
      <c r="A614" t="s">
        <v>613</v>
      </c>
      <c r="B614">
        <v>25233</v>
      </c>
    </row>
    <row r="615" spans="1:2" x14ac:dyDescent="0.3">
      <c r="A615" t="s">
        <v>614</v>
      </c>
      <c r="B615">
        <v>25998</v>
      </c>
    </row>
    <row r="616" spans="1:2" x14ac:dyDescent="0.3">
      <c r="A616" t="s">
        <v>615</v>
      </c>
      <c r="B616">
        <v>26750</v>
      </c>
    </row>
    <row r="617" spans="1:2" x14ac:dyDescent="0.3">
      <c r="A617" t="s">
        <v>616</v>
      </c>
      <c r="B617">
        <v>27576</v>
      </c>
    </row>
    <row r="618" spans="1:2" x14ac:dyDescent="0.3">
      <c r="A618" t="s">
        <v>617</v>
      </c>
      <c r="B618">
        <v>28423</v>
      </c>
    </row>
    <row r="619" spans="1:2" x14ac:dyDescent="0.3">
      <c r="A619" t="s">
        <v>618</v>
      </c>
      <c r="B619">
        <v>29501</v>
      </c>
    </row>
    <row r="620" spans="1:2" x14ac:dyDescent="0.3">
      <c r="A620" t="s">
        <v>619</v>
      </c>
      <c r="B620">
        <v>30380</v>
      </c>
    </row>
    <row r="621" spans="1:2" x14ac:dyDescent="0.3">
      <c r="A621" t="s">
        <v>620</v>
      </c>
      <c r="B621">
        <v>31210</v>
      </c>
    </row>
    <row r="622" spans="1:2" x14ac:dyDescent="0.3">
      <c r="A622" t="s">
        <v>621</v>
      </c>
      <c r="B622">
        <v>31968</v>
      </c>
    </row>
    <row r="623" spans="1:2" x14ac:dyDescent="0.3">
      <c r="A623" t="s">
        <v>622</v>
      </c>
      <c r="B623">
        <v>32606</v>
      </c>
    </row>
    <row r="624" spans="1:2" x14ac:dyDescent="0.3">
      <c r="A624" t="s">
        <v>623</v>
      </c>
      <c r="B624">
        <v>32767</v>
      </c>
    </row>
    <row r="625" spans="1:2" x14ac:dyDescent="0.3">
      <c r="A625" t="s">
        <v>624</v>
      </c>
      <c r="B625">
        <v>32767</v>
      </c>
    </row>
    <row r="626" spans="1:2" x14ac:dyDescent="0.3">
      <c r="A626" t="s">
        <v>625</v>
      </c>
      <c r="B626">
        <v>32767</v>
      </c>
    </row>
    <row r="627" spans="1:2" x14ac:dyDescent="0.3">
      <c r="A627" t="s">
        <v>626</v>
      </c>
      <c r="B627">
        <v>32767</v>
      </c>
    </row>
    <row r="628" spans="1:2" x14ac:dyDescent="0.3">
      <c r="A628" t="s">
        <v>627</v>
      </c>
      <c r="B628">
        <v>32767</v>
      </c>
    </row>
    <row r="629" spans="1:2" x14ac:dyDescent="0.3">
      <c r="A629" t="s">
        <v>628</v>
      </c>
      <c r="B629">
        <v>32767</v>
      </c>
    </row>
    <row r="630" spans="1:2" x14ac:dyDescent="0.3">
      <c r="A630" t="s">
        <v>629</v>
      </c>
      <c r="B630">
        <v>32767</v>
      </c>
    </row>
    <row r="631" spans="1:2" x14ac:dyDescent="0.3">
      <c r="A631" t="s">
        <v>630</v>
      </c>
      <c r="B631">
        <v>32767</v>
      </c>
    </row>
    <row r="632" spans="1:2" x14ac:dyDescent="0.3">
      <c r="A632" t="s">
        <v>631</v>
      </c>
      <c r="B632">
        <v>32767</v>
      </c>
    </row>
    <row r="633" spans="1:2" x14ac:dyDescent="0.3">
      <c r="A633" t="s">
        <v>632</v>
      </c>
      <c r="B633">
        <v>32767</v>
      </c>
    </row>
    <row r="634" spans="1:2" x14ac:dyDescent="0.3">
      <c r="A634" t="s">
        <v>633</v>
      </c>
      <c r="B634">
        <v>32767</v>
      </c>
    </row>
    <row r="635" spans="1:2" x14ac:dyDescent="0.3">
      <c r="A635" t="s">
        <v>634</v>
      </c>
      <c r="B635">
        <v>32767</v>
      </c>
    </row>
    <row r="636" spans="1:2" x14ac:dyDescent="0.3">
      <c r="A636" t="s">
        <v>635</v>
      </c>
      <c r="B636">
        <v>32767</v>
      </c>
    </row>
    <row r="637" spans="1:2" x14ac:dyDescent="0.3">
      <c r="A637" t="s">
        <v>636</v>
      </c>
      <c r="B637">
        <v>32767</v>
      </c>
    </row>
    <row r="638" spans="1:2" x14ac:dyDescent="0.3">
      <c r="A638" t="s">
        <v>637</v>
      </c>
      <c r="B638">
        <v>32767</v>
      </c>
    </row>
    <row r="639" spans="1:2" x14ac:dyDescent="0.3">
      <c r="A639" t="s">
        <v>638</v>
      </c>
      <c r="B639">
        <v>32767</v>
      </c>
    </row>
    <row r="640" spans="1:2" x14ac:dyDescent="0.3">
      <c r="A640" t="s">
        <v>639</v>
      </c>
      <c r="B640">
        <v>32767</v>
      </c>
    </row>
    <row r="641" spans="1:2" x14ac:dyDescent="0.3">
      <c r="A641" t="s">
        <v>640</v>
      </c>
      <c r="B641">
        <v>32767</v>
      </c>
    </row>
    <row r="642" spans="1:2" x14ac:dyDescent="0.3">
      <c r="A642" t="s">
        <v>641</v>
      </c>
      <c r="B642">
        <v>32767</v>
      </c>
    </row>
    <row r="643" spans="1:2" x14ac:dyDescent="0.3">
      <c r="A643" t="s">
        <v>642</v>
      </c>
      <c r="B643">
        <v>32767</v>
      </c>
    </row>
    <row r="644" spans="1:2" x14ac:dyDescent="0.3">
      <c r="A644" t="s">
        <v>643</v>
      </c>
      <c r="B644">
        <v>32668</v>
      </c>
    </row>
    <row r="645" spans="1:2" x14ac:dyDescent="0.3">
      <c r="A645" t="s">
        <v>644</v>
      </c>
      <c r="B645">
        <v>31534</v>
      </c>
    </row>
    <row r="646" spans="1:2" x14ac:dyDescent="0.3">
      <c r="A646" t="s">
        <v>645</v>
      </c>
      <c r="B646">
        <v>30348</v>
      </c>
    </row>
    <row r="647" spans="1:2" x14ac:dyDescent="0.3">
      <c r="A647" t="s">
        <v>646</v>
      </c>
      <c r="B647">
        <v>29508</v>
      </c>
    </row>
    <row r="648" spans="1:2" x14ac:dyDescent="0.3">
      <c r="A648" t="s">
        <v>647</v>
      </c>
      <c r="B648">
        <v>28662</v>
      </c>
    </row>
    <row r="649" spans="1:2" x14ac:dyDescent="0.3">
      <c r="A649" t="s">
        <v>648</v>
      </c>
      <c r="B649">
        <v>27681</v>
      </c>
    </row>
    <row r="650" spans="1:2" x14ac:dyDescent="0.3">
      <c r="A650" t="s">
        <v>649</v>
      </c>
      <c r="B650">
        <v>26687</v>
      </c>
    </row>
    <row r="651" spans="1:2" x14ac:dyDescent="0.3">
      <c r="A651" t="s">
        <v>650</v>
      </c>
      <c r="B651">
        <v>25660</v>
      </c>
    </row>
    <row r="652" spans="1:2" x14ac:dyDescent="0.3">
      <c r="A652" t="s">
        <v>651</v>
      </c>
      <c r="B652">
        <v>24685</v>
      </c>
    </row>
    <row r="653" spans="1:2" x14ac:dyDescent="0.3">
      <c r="A653" t="s">
        <v>652</v>
      </c>
      <c r="B653">
        <v>23635</v>
      </c>
    </row>
    <row r="654" spans="1:2" x14ac:dyDescent="0.3">
      <c r="A654" t="s">
        <v>653</v>
      </c>
      <c r="B654">
        <v>22664</v>
      </c>
    </row>
    <row r="655" spans="1:2" x14ac:dyDescent="0.3">
      <c r="A655" t="s">
        <v>654</v>
      </c>
      <c r="B655">
        <v>21736</v>
      </c>
    </row>
    <row r="656" spans="1:2" x14ac:dyDescent="0.3">
      <c r="A656" t="s">
        <v>655</v>
      </c>
      <c r="B656">
        <v>20856</v>
      </c>
    </row>
    <row r="657" spans="1:2" x14ac:dyDescent="0.3">
      <c r="A657" t="s">
        <v>656</v>
      </c>
      <c r="B657">
        <v>20041</v>
      </c>
    </row>
    <row r="658" spans="1:2" x14ac:dyDescent="0.3">
      <c r="A658" t="s">
        <v>657</v>
      </c>
      <c r="B658">
        <v>19349</v>
      </c>
    </row>
    <row r="659" spans="1:2" x14ac:dyDescent="0.3">
      <c r="A659" t="s">
        <v>658</v>
      </c>
      <c r="B659">
        <v>18638</v>
      </c>
    </row>
    <row r="660" spans="1:2" x14ac:dyDescent="0.3">
      <c r="A660" t="s">
        <v>659</v>
      </c>
      <c r="B660">
        <v>17887</v>
      </c>
    </row>
    <row r="661" spans="1:2" x14ac:dyDescent="0.3">
      <c r="A661" t="s">
        <v>660</v>
      </c>
      <c r="B661">
        <v>17275</v>
      </c>
    </row>
    <row r="662" spans="1:2" x14ac:dyDescent="0.3">
      <c r="A662" t="s">
        <v>661</v>
      </c>
      <c r="B662">
        <v>16776</v>
      </c>
    </row>
    <row r="663" spans="1:2" x14ac:dyDescent="0.3">
      <c r="A663" t="s">
        <v>662</v>
      </c>
      <c r="B663">
        <v>16404</v>
      </c>
    </row>
    <row r="664" spans="1:2" x14ac:dyDescent="0.3">
      <c r="A664" t="s">
        <v>663</v>
      </c>
      <c r="B664">
        <v>16160</v>
      </c>
    </row>
    <row r="665" spans="1:2" x14ac:dyDescent="0.3">
      <c r="A665" t="s">
        <v>664</v>
      </c>
      <c r="B665">
        <v>15991</v>
      </c>
    </row>
    <row r="666" spans="1:2" x14ac:dyDescent="0.3">
      <c r="A666" t="s">
        <v>665</v>
      </c>
      <c r="B666">
        <v>15824</v>
      </c>
    </row>
    <row r="667" spans="1:2" x14ac:dyDescent="0.3">
      <c r="A667" t="s">
        <v>666</v>
      </c>
      <c r="B667">
        <v>15844</v>
      </c>
    </row>
    <row r="668" spans="1:2" x14ac:dyDescent="0.3">
      <c r="A668" t="s">
        <v>667</v>
      </c>
      <c r="B668">
        <v>16098</v>
      </c>
    </row>
    <row r="669" spans="1:2" x14ac:dyDescent="0.3">
      <c r="A669" t="s">
        <v>668</v>
      </c>
      <c r="B669">
        <v>16380</v>
      </c>
    </row>
    <row r="670" spans="1:2" x14ac:dyDescent="0.3">
      <c r="A670" t="s">
        <v>669</v>
      </c>
      <c r="B670">
        <v>16778</v>
      </c>
    </row>
    <row r="671" spans="1:2" x14ac:dyDescent="0.3">
      <c r="A671" t="s">
        <v>670</v>
      </c>
      <c r="B671">
        <v>17317</v>
      </c>
    </row>
    <row r="672" spans="1:2" x14ac:dyDescent="0.3">
      <c r="A672" t="s">
        <v>671</v>
      </c>
      <c r="B672">
        <v>17949</v>
      </c>
    </row>
    <row r="673" spans="1:2" x14ac:dyDescent="0.3">
      <c r="A673" t="s">
        <v>672</v>
      </c>
      <c r="B673">
        <v>18602</v>
      </c>
    </row>
    <row r="674" spans="1:2" x14ac:dyDescent="0.3">
      <c r="A674" t="s">
        <v>673</v>
      </c>
      <c r="B674">
        <v>19283</v>
      </c>
    </row>
    <row r="675" spans="1:2" x14ac:dyDescent="0.3">
      <c r="A675" t="s">
        <v>674</v>
      </c>
      <c r="B675">
        <v>20071</v>
      </c>
    </row>
    <row r="676" spans="1:2" x14ac:dyDescent="0.3">
      <c r="A676" t="s">
        <v>675</v>
      </c>
      <c r="B676">
        <v>20943</v>
      </c>
    </row>
    <row r="677" spans="1:2" x14ac:dyDescent="0.3">
      <c r="A677" t="s">
        <v>676</v>
      </c>
      <c r="B677">
        <v>21865</v>
      </c>
    </row>
    <row r="678" spans="1:2" x14ac:dyDescent="0.3">
      <c r="A678" t="s">
        <v>677</v>
      </c>
      <c r="B678">
        <v>22773</v>
      </c>
    </row>
    <row r="679" spans="1:2" x14ac:dyDescent="0.3">
      <c r="A679" t="s">
        <v>678</v>
      </c>
      <c r="B679">
        <v>23703</v>
      </c>
    </row>
    <row r="680" spans="1:2" x14ac:dyDescent="0.3">
      <c r="A680" t="s">
        <v>679</v>
      </c>
      <c r="B680">
        <v>24655</v>
      </c>
    </row>
    <row r="681" spans="1:2" x14ac:dyDescent="0.3">
      <c r="A681" t="s">
        <v>680</v>
      </c>
      <c r="B681">
        <v>25521</v>
      </c>
    </row>
    <row r="682" spans="1:2" x14ac:dyDescent="0.3">
      <c r="A682" t="s">
        <v>681</v>
      </c>
      <c r="B682">
        <v>26236</v>
      </c>
    </row>
    <row r="683" spans="1:2" x14ac:dyDescent="0.3">
      <c r="A683" t="s">
        <v>682</v>
      </c>
      <c r="B683">
        <v>26979</v>
      </c>
    </row>
    <row r="684" spans="1:2" x14ac:dyDescent="0.3">
      <c r="A684" t="s">
        <v>683</v>
      </c>
      <c r="B684">
        <v>27809</v>
      </c>
    </row>
    <row r="685" spans="1:2" x14ac:dyDescent="0.3">
      <c r="A685" t="s">
        <v>684</v>
      </c>
      <c r="B685">
        <v>28698</v>
      </c>
    </row>
    <row r="686" spans="1:2" x14ac:dyDescent="0.3">
      <c r="A686" t="s">
        <v>685</v>
      </c>
      <c r="B686">
        <v>29810</v>
      </c>
    </row>
    <row r="687" spans="1:2" x14ac:dyDescent="0.3">
      <c r="A687" t="s">
        <v>686</v>
      </c>
      <c r="B687">
        <v>30630</v>
      </c>
    </row>
    <row r="688" spans="1:2" x14ac:dyDescent="0.3">
      <c r="A688" t="s">
        <v>687</v>
      </c>
      <c r="B688">
        <v>31474</v>
      </c>
    </row>
    <row r="689" spans="1:2" x14ac:dyDescent="0.3">
      <c r="A689" t="s">
        <v>688</v>
      </c>
      <c r="B689">
        <v>32158</v>
      </c>
    </row>
    <row r="690" spans="1:2" x14ac:dyDescent="0.3">
      <c r="A690" t="s">
        <v>689</v>
      </c>
      <c r="B690">
        <v>32659</v>
      </c>
    </row>
    <row r="691" spans="1:2" x14ac:dyDescent="0.3">
      <c r="A691" t="s">
        <v>690</v>
      </c>
      <c r="B691">
        <v>32767</v>
      </c>
    </row>
    <row r="692" spans="1:2" x14ac:dyDescent="0.3">
      <c r="A692" t="s">
        <v>691</v>
      </c>
      <c r="B692">
        <v>32767</v>
      </c>
    </row>
    <row r="693" spans="1:2" x14ac:dyDescent="0.3">
      <c r="A693" t="s">
        <v>692</v>
      </c>
      <c r="B693">
        <v>32767</v>
      </c>
    </row>
    <row r="694" spans="1:2" x14ac:dyDescent="0.3">
      <c r="A694" t="s">
        <v>693</v>
      </c>
      <c r="B694">
        <v>32767</v>
      </c>
    </row>
    <row r="695" spans="1:2" x14ac:dyDescent="0.3">
      <c r="A695" t="s">
        <v>694</v>
      </c>
      <c r="B695">
        <v>32767</v>
      </c>
    </row>
    <row r="696" spans="1:2" x14ac:dyDescent="0.3">
      <c r="A696" t="s">
        <v>695</v>
      </c>
      <c r="B696">
        <v>32767</v>
      </c>
    </row>
    <row r="697" spans="1:2" x14ac:dyDescent="0.3">
      <c r="A697" t="s">
        <v>696</v>
      </c>
      <c r="B697">
        <v>32767</v>
      </c>
    </row>
    <row r="698" spans="1:2" x14ac:dyDescent="0.3">
      <c r="A698" t="s">
        <v>697</v>
      </c>
      <c r="B698">
        <v>32767</v>
      </c>
    </row>
    <row r="699" spans="1:2" x14ac:dyDescent="0.3">
      <c r="A699" t="s">
        <v>698</v>
      </c>
      <c r="B699">
        <v>32767</v>
      </c>
    </row>
    <row r="700" spans="1:2" x14ac:dyDescent="0.3">
      <c r="A700" t="s">
        <v>699</v>
      </c>
      <c r="B700">
        <v>32767</v>
      </c>
    </row>
    <row r="701" spans="1:2" x14ac:dyDescent="0.3">
      <c r="A701" t="s">
        <v>700</v>
      </c>
      <c r="B701">
        <v>32767</v>
      </c>
    </row>
    <row r="702" spans="1:2" x14ac:dyDescent="0.3">
      <c r="A702" t="s">
        <v>701</v>
      </c>
      <c r="B702">
        <v>32767</v>
      </c>
    </row>
    <row r="703" spans="1:2" x14ac:dyDescent="0.3">
      <c r="A703" t="s">
        <v>702</v>
      </c>
      <c r="B703">
        <v>32767</v>
      </c>
    </row>
    <row r="704" spans="1:2" x14ac:dyDescent="0.3">
      <c r="A704" t="s">
        <v>703</v>
      </c>
      <c r="B704">
        <v>32767</v>
      </c>
    </row>
    <row r="705" spans="1:2" x14ac:dyDescent="0.3">
      <c r="A705" t="s">
        <v>704</v>
      </c>
      <c r="B705">
        <v>32767</v>
      </c>
    </row>
    <row r="706" spans="1:2" x14ac:dyDescent="0.3">
      <c r="A706" t="s">
        <v>705</v>
      </c>
      <c r="B706">
        <v>32767</v>
      </c>
    </row>
    <row r="707" spans="1:2" x14ac:dyDescent="0.3">
      <c r="A707" t="s">
        <v>706</v>
      </c>
      <c r="B707">
        <v>32767</v>
      </c>
    </row>
    <row r="708" spans="1:2" x14ac:dyDescent="0.3">
      <c r="A708" t="s">
        <v>707</v>
      </c>
      <c r="B708">
        <v>32767</v>
      </c>
    </row>
    <row r="709" spans="1:2" x14ac:dyDescent="0.3">
      <c r="A709" t="s">
        <v>708</v>
      </c>
      <c r="B709">
        <v>32767</v>
      </c>
    </row>
    <row r="710" spans="1:2" x14ac:dyDescent="0.3">
      <c r="A710" t="s">
        <v>709</v>
      </c>
      <c r="B710">
        <v>32767</v>
      </c>
    </row>
    <row r="711" spans="1:2" x14ac:dyDescent="0.3">
      <c r="A711" t="s">
        <v>710</v>
      </c>
      <c r="B711">
        <v>32518</v>
      </c>
    </row>
    <row r="712" spans="1:2" x14ac:dyDescent="0.3">
      <c r="A712" t="s">
        <v>711</v>
      </c>
      <c r="B712">
        <v>31167</v>
      </c>
    </row>
    <row r="713" spans="1:2" x14ac:dyDescent="0.3">
      <c r="A713" t="s">
        <v>712</v>
      </c>
      <c r="B713">
        <v>30129</v>
      </c>
    </row>
    <row r="714" spans="1:2" x14ac:dyDescent="0.3">
      <c r="A714" t="s">
        <v>713</v>
      </c>
      <c r="B714">
        <v>29277</v>
      </c>
    </row>
    <row r="715" spans="1:2" x14ac:dyDescent="0.3">
      <c r="A715" t="s">
        <v>714</v>
      </c>
      <c r="B715">
        <v>28375</v>
      </c>
    </row>
    <row r="716" spans="1:2" x14ac:dyDescent="0.3">
      <c r="A716" t="s">
        <v>715</v>
      </c>
      <c r="B716">
        <v>27411</v>
      </c>
    </row>
    <row r="717" spans="1:2" x14ac:dyDescent="0.3">
      <c r="A717" t="s">
        <v>716</v>
      </c>
      <c r="B717">
        <v>26412</v>
      </c>
    </row>
    <row r="718" spans="1:2" x14ac:dyDescent="0.3">
      <c r="A718" t="s">
        <v>717</v>
      </c>
      <c r="B718">
        <v>25407</v>
      </c>
    </row>
    <row r="719" spans="1:2" x14ac:dyDescent="0.3">
      <c r="A719" t="s">
        <v>718</v>
      </c>
      <c r="B719">
        <v>24414</v>
      </c>
    </row>
    <row r="720" spans="1:2" x14ac:dyDescent="0.3">
      <c r="A720" t="s">
        <v>719</v>
      </c>
      <c r="B720">
        <v>23371</v>
      </c>
    </row>
    <row r="721" spans="1:2" x14ac:dyDescent="0.3">
      <c r="A721" t="s">
        <v>720</v>
      </c>
      <c r="B721">
        <v>22467</v>
      </c>
    </row>
    <row r="722" spans="1:2" x14ac:dyDescent="0.3">
      <c r="A722" t="s">
        <v>721</v>
      </c>
      <c r="B722">
        <v>21563</v>
      </c>
    </row>
    <row r="723" spans="1:2" x14ac:dyDescent="0.3">
      <c r="A723" t="s">
        <v>722</v>
      </c>
      <c r="B723">
        <v>20681</v>
      </c>
    </row>
    <row r="724" spans="1:2" x14ac:dyDescent="0.3">
      <c r="A724" t="s">
        <v>723</v>
      </c>
      <c r="B724">
        <v>19916</v>
      </c>
    </row>
    <row r="725" spans="1:2" x14ac:dyDescent="0.3">
      <c r="A725" t="s">
        <v>724</v>
      </c>
      <c r="B725">
        <v>19213</v>
      </c>
    </row>
    <row r="726" spans="1:2" x14ac:dyDescent="0.3">
      <c r="A726" t="s">
        <v>725</v>
      </c>
      <c r="B726">
        <v>18468</v>
      </c>
    </row>
    <row r="727" spans="1:2" x14ac:dyDescent="0.3">
      <c r="A727" t="s">
        <v>726</v>
      </c>
      <c r="B727">
        <v>17802</v>
      </c>
    </row>
    <row r="728" spans="1:2" x14ac:dyDescent="0.3">
      <c r="A728" t="s">
        <v>727</v>
      </c>
      <c r="B728">
        <v>17213</v>
      </c>
    </row>
    <row r="729" spans="1:2" x14ac:dyDescent="0.3">
      <c r="A729" t="s">
        <v>728</v>
      </c>
      <c r="B729">
        <v>16756</v>
      </c>
    </row>
    <row r="730" spans="1:2" x14ac:dyDescent="0.3">
      <c r="A730" t="s">
        <v>729</v>
      </c>
      <c r="B730">
        <v>16424</v>
      </c>
    </row>
    <row r="731" spans="1:2" x14ac:dyDescent="0.3">
      <c r="A731" t="s">
        <v>730</v>
      </c>
      <c r="B731">
        <v>16143</v>
      </c>
    </row>
    <row r="732" spans="1:2" x14ac:dyDescent="0.3">
      <c r="A732" t="s">
        <v>731</v>
      </c>
      <c r="B732">
        <v>15907</v>
      </c>
    </row>
    <row r="733" spans="1:2" x14ac:dyDescent="0.3">
      <c r="A733" t="s">
        <v>732</v>
      </c>
      <c r="B733">
        <v>15786</v>
      </c>
    </row>
    <row r="734" spans="1:2" x14ac:dyDescent="0.3">
      <c r="A734" t="s">
        <v>733</v>
      </c>
      <c r="B734">
        <v>15987</v>
      </c>
    </row>
    <row r="735" spans="1:2" x14ac:dyDescent="0.3">
      <c r="A735" t="s">
        <v>734</v>
      </c>
      <c r="B735">
        <v>16283</v>
      </c>
    </row>
    <row r="736" spans="1:2" x14ac:dyDescent="0.3">
      <c r="A736" t="s">
        <v>735</v>
      </c>
      <c r="B736">
        <v>16595</v>
      </c>
    </row>
    <row r="737" spans="1:2" x14ac:dyDescent="0.3">
      <c r="A737" t="s">
        <v>736</v>
      </c>
      <c r="B737">
        <v>17058</v>
      </c>
    </row>
    <row r="738" spans="1:2" x14ac:dyDescent="0.3">
      <c r="A738" t="s">
        <v>737</v>
      </c>
      <c r="B738">
        <v>17644</v>
      </c>
    </row>
    <row r="739" spans="1:2" x14ac:dyDescent="0.3">
      <c r="A739" t="s">
        <v>738</v>
      </c>
      <c r="B739">
        <v>18272</v>
      </c>
    </row>
    <row r="740" spans="1:2" x14ac:dyDescent="0.3">
      <c r="A740" t="s">
        <v>739</v>
      </c>
      <c r="B740">
        <v>18912</v>
      </c>
    </row>
    <row r="741" spans="1:2" x14ac:dyDescent="0.3">
      <c r="A741" t="s">
        <v>740</v>
      </c>
      <c r="B741">
        <v>19624</v>
      </c>
    </row>
    <row r="742" spans="1:2" x14ac:dyDescent="0.3">
      <c r="A742" t="s">
        <v>741</v>
      </c>
      <c r="B742">
        <v>20463</v>
      </c>
    </row>
    <row r="743" spans="1:2" x14ac:dyDescent="0.3">
      <c r="A743" t="s">
        <v>742</v>
      </c>
      <c r="B743">
        <v>21332</v>
      </c>
    </row>
    <row r="744" spans="1:2" x14ac:dyDescent="0.3">
      <c r="A744" t="s">
        <v>743</v>
      </c>
      <c r="B744">
        <v>22228</v>
      </c>
    </row>
    <row r="745" spans="1:2" x14ac:dyDescent="0.3">
      <c r="A745" t="s">
        <v>744</v>
      </c>
      <c r="B745">
        <v>23156</v>
      </c>
    </row>
    <row r="746" spans="1:2" x14ac:dyDescent="0.3">
      <c r="A746" t="s">
        <v>745</v>
      </c>
      <c r="B746">
        <v>24105</v>
      </c>
    </row>
    <row r="747" spans="1:2" x14ac:dyDescent="0.3">
      <c r="A747" t="s">
        <v>746</v>
      </c>
      <c r="B747">
        <v>25064</v>
      </c>
    </row>
    <row r="748" spans="1:2" x14ac:dyDescent="0.3">
      <c r="A748" t="s">
        <v>747</v>
      </c>
      <c r="B748">
        <v>25869</v>
      </c>
    </row>
    <row r="749" spans="1:2" x14ac:dyDescent="0.3">
      <c r="A749" t="s">
        <v>748</v>
      </c>
      <c r="B749">
        <v>26592</v>
      </c>
    </row>
    <row r="750" spans="1:2" x14ac:dyDescent="0.3">
      <c r="A750" t="s">
        <v>749</v>
      </c>
      <c r="B750">
        <v>27375</v>
      </c>
    </row>
    <row r="751" spans="1:2" x14ac:dyDescent="0.3">
      <c r="A751" t="s">
        <v>750</v>
      </c>
      <c r="B751">
        <v>28187</v>
      </c>
    </row>
    <row r="752" spans="1:2" x14ac:dyDescent="0.3">
      <c r="A752" t="s">
        <v>751</v>
      </c>
      <c r="B752">
        <v>29174</v>
      </c>
    </row>
    <row r="753" spans="1:2" x14ac:dyDescent="0.3">
      <c r="A753" t="s">
        <v>752</v>
      </c>
      <c r="B753">
        <v>30209</v>
      </c>
    </row>
    <row r="754" spans="1:2" x14ac:dyDescent="0.3">
      <c r="A754" t="s">
        <v>753</v>
      </c>
      <c r="B754">
        <v>31029</v>
      </c>
    </row>
    <row r="755" spans="1:2" x14ac:dyDescent="0.3">
      <c r="A755" t="s">
        <v>754</v>
      </c>
      <c r="B755">
        <v>31818</v>
      </c>
    </row>
    <row r="756" spans="1:2" x14ac:dyDescent="0.3">
      <c r="A756" t="s">
        <v>755</v>
      </c>
      <c r="B756">
        <v>32450</v>
      </c>
    </row>
    <row r="757" spans="1:2" x14ac:dyDescent="0.3">
      <c r="A757" t="s">
        <v>756</v>
      </c>
      <c r="B757">
        <v>32754</v>
      </c>
    </row>
    <row r="758" spans="1:2" x14ac:dyDescent="0.3">
      <c r="A758" t="s">
        <v>757</v>
      </c>
      <c r="B758">
        <v>32767</v>
      </c>
    </row>
    <row r="759" spans="1:2" x14ac:dyDescent="0.3">
      <c r="A759" t="s">
        <v>758</v>
      </c>
      <c r="B759">
        <v>32767</v>
      </c>
    </row>
    <row r="760" spans="1:2" x14ac:dyDescent="0.3">
      <c r="A760" t="s">
        <v>759</v>
      </c>
      <c r="B760">
        <v>32767</v>
      </c>
    </row>
    <row r="761" spans="1:2" x14ac:dyDescent="0.3">
      <c r="A761" t="s">
        <v>760</v>
      </c>
      <c r="B761">
        <v>32767</v>
      </c>
    </row>
    <row r="762" spans="1:2" x14ac:dyDescent="0.3">
      <c r="A762" t="s">
        <v>761</v>
      </c>
      <c r="B762">
        <v>32767</v>
      </c>
    </row>
    <row r="763" spans="1:2" x14ac:dyDescent="0.3">
      <c r="A763" t="s">
        <v>762</v>
      </c>
      <c r="B763">
        <v>32767</v>
      </c>
    </row>
    <row r="764" spans="1:2" x14ac:dyDescent="0.3">
      <c r="A764" t="s">
        <v>763</v>
      </c>
      <c r="B764">
        <v>32767</v>
      </c>
    </row>
    <row r="765" spans="1:2" x14ac:dyDescent="0.3">
      <c r="A765" t="s">
        <v>764</v>
      </c>
      <c r="B765">
        <v>32767</v>
      </c>
    </row>
    <row r="766" spans="1:2" x14ac:dyDescent="0.3">
      <c r="A766" t="s">
        <v>765</v>
      </c>
      <c r="B766">
        <v>32767</v>
      </c>
    </row>
    <row r="767" spans="1:2" x14ac:dyDescent="0.3">
      <c r="A767" t="s">
        <v>766</v>
      </c>
      <c r="B767">
        <v>32767</v>
      </c>
    </row>
    <row r="768" spans="1:2" x14ac:dyDescent="0.3">
      <c r="A768" t="s">
        <v>767</v>
      </c>
      <c r="B768">
        <v>32767</v>
      </c>
    </row>
    <row r="769" spans="1:2" x14ac:dyDescent="0.3">
      <c r="A769" t="s">
        <v>768</v>
      </c>
      <c r="B769">
        <v>32767</v>
      </c>
    </row>
    <row r="770" spans="1:2" x14ac:dyDescent="0.3">
      <c r="A770" t="s">
        <v>769</v>
      </c>
      <c r="B770">
        <v>32767</v>
      </c>
    </row>
    <row r="771" spans="1:2" x14ac:dyDescent="0.3">
      <c r="A771" t="s">
        <v>770</v>
      </c>
      <c r="B771">
        <v>32767</v>
      </c>
    </row>
    <row r="772" spans="1:2" x14ac:dyDescent="0.3">
      <c r="A772" t="s">
        <v>771</v>
      </c>
      <c r="B772">
        <v>32767</v>
      </c>
    </row>
    <row r="773" spans="1:2" x14ac:dyDescent="0.3">
      <c r="A773" t="s">
        <v>772</v>
      </c>
      <c r="B773">
        <v>32767</v>
      </c>
    </row>
    <row r="774" spans="1:2" x14ac:dyDescent="0.3">
      <c r="A774" t="s">
        <v>773</v>
      </c>
      <c r="B774">
        <v>32767</v>
      </c>
    </row>
    <row r="775" spans="1:2" x14ac:dyDescent="0.3">
      <c r="A775" t="s">
        <v>774</v>
      </c>
      <c r="B775">
        <v>32767</v>
      </c>
    </row>
    <row r="776" spans="1:2" x14ac:dyDescent="0.3">
      <c r="A776" t="s">
        <v>775</v>
      </c>
      <c r="B776">
        <v>32767</v>
      </c>
    </row>
    <row r="777" spans="1:2" x14ac:dyDescent="0.3">
      <c r="A777" t="s">
        <v>776</v>
      </c>
      <c r="B777">
        <v>32766</v>
      </c>
    </row>
    <row r="778" spans="1:2" x14ac:dyDescent="0.3">
      <c r="A778" t="s">
        <v>777</v>
      </c>
      <c r="B778">
        <v>32249</v>
      </c>
    </row>
    <row r="779" spans="1:2" x14ac:dyDescent="0.3">
      <c r="A779" t="s">
        <v>778</v>
      </c>
      <c r="B779">
        <v>30834</v>
      </c>
    </row>
    <row r="780" spans="1:2" x14ac:dyDescent="0.3">
      <c r="A780" t="s">
        <v>779</v>
      </c>
      <c r="B780">
        <v>29899</v>
      </c>
    </row>
    <row r="781" spans="1:2" x14ac:dyDescent="0.3">
      <c r="A781" t="s">
        <v>780</v>
      </c>
      <c r="B781">
        <v>29040</v>
      </c>
    </row>
    <row r="782" spans="1:2" x14ac:dyDescent="0.3">
      <c r="A782" t="s">
        <v>781</v>
      </c>
      <c r="B782">
        <v>28131</v>
      </c>
    </row>
    <row r="783" spans="1:2" x14ac:dyDescent="0.3">
      <c r="A783" t="s">
        <v>782</v>
      </c>
      <c r="B783">
        <v>27146</v>
      </c>
    </row>
    <row r="784" spans="1:2" x14ac:dyDescent="0.3">
      <c r="A784" t="s">
        <v>783</v>
      </c>
      <c r="B784">
        <v>26087</v>
      </c>
    </row>
    <row r="785" spans="1:2" x14ac:dyDescent="0.3">
      <c r="A785" t="s">
        <v>784</v>
      </c>
      <c r="B785">
        <v>25105</v>
      </c>
    </row>
    <row r="786" spans="1:2" x14ac:dyDescent="0.3">
      <c r="A786" t="s">
        <v>785</v>
      </c>
      <c r="B786">
        <v>24077</v>
      </c>
    </row>
    <row r="787" spans="1:2" x14ac:dyDescent="0.3">
      <c r="A787" t="s">
        <v>786</v>
      </c>
      <c r="B787">
        <v>23076</v>
      </c>
    </row>
    <row r="788" spans="1:2" x14ac:dyDescent="0.3">
      <c r="A788" t="s">
        <v>787</v>
      </c>
      <c r="B788">
        <v>22174</v>
      </c>
    </row>
    <row r="789" spans="1:2" x14ac:dyDescent="0.3">
      <c r="A789" t="s">
        <v>788</v>
      </c>
      <c r="B789">
        <v>21320</v>
      </c>
    </row>
    <row r="790" spans="1:2" x14ac:dyDescent="0.3">
      <c r="A790" t="s">
        <v>789</v>
      </c>
      <c r="B790">
        <v>20466</v>
      </c>
    </row>
    <row r="791" spans="1:2" x14ac:dyDescent="0.3">
      <c r="A791" t="s">
        <v>790</v>
      </c>
      <c r="B791">
        <v>19725</v>
      </c>
    </row>
    <row r="792" spans="1:2" x14ac:dyDescent="0.3">
      <c r="A792" t="s">
        <v>791</v>
      </c>
      <c r="B792">
        <v>18985</v>
      </c>
    </row>
    <row r="793" spans="1:2" x14ac:dyDescent="0.3">
      <c r="A793" t="s">
        <v>792</v>
      </c>
      <c r="B793">
        <v>18238</v>
      </c>
    </row>
    <row r="794" spans="1:2" x14ac:dyDescent="0.3">
      <c r="A794" t="s">
        <v>793</v>
      </c>
      <c r="B794">
        <v>17576</v>
      </c>
    </row>
    <row r="795" spans="1:2" x14ac:dyDescent="0.3">
      <c r="A795" t="s">
        <v>794</v>
      </c>
      <c r="B795">
        <v>17059</v>
      </c>
    </row>
    <row r="796" spans="1:2" x14ac:dyDescent="0.3">
      <c r="A796" t="s">
        <v>795</v>
      </c>
      <c r="B796">
        <v>16649</v>
      </c>
    </row>
    <row r="797" spans="1:2" x14ac:dyDescent="0.3">
      <c r="A797" t="s">
        <v>796</v>
      </c>
      <c r="B797">
        <v>16328</v>
      </c>
    </row>
    <row r="798" spans="1:2" x14ac:dyDescent="0.3">
      <c r="A798" t="s">
        <v>797</v>
      </c>
      <c r="B798">
        <v>16061</v>
      </c>
    </row>
    <row r="799" spans="1:2" x14ac:dyDescent="0.3">
      <c r="A799" t="s">
        <v>798</v>
      </c>
      <c r="B799">
        <v>15864</v>
      </c>
    </row>
    <row r="800" spans="1:2" x14ac:dyDescent="0.3">
      <c r="A800" t="s">
        <v>799</v>
      </c>
      <c r="B800">
        <v>15799</v>
      </c>
    </row>
    <row r="801" spans="1:2" x14ac:dyDescent="0.3">
      <c r="A801" t="s">
        <v>800</v>
      </c>
      <c r="B801">
        <v>16064</v>
      </c>
    </row>
    <row r="802" spans="1:2" x14ac:dyDescent="0.3">
      <c r="A802" t="s">
        <v>801</v>
      </c>
      <c r="B802">
        <v>16356</v>
      </c>
    </row>
    <row r="803" spans="1:2" x14ac:dyDescent="0.3">
      <c r="A803" t="s">
        <v>802</v>
      </c>
      <c r="B803">
        <v>16723</v>
      </c>
    </row>
    <row r="804" spans="1:2" x14ac:dyDescent="0.3">
      <c r="A804" t="s">
        <v>803</v>
      </c>
      <c r="B804">
        <v>17227</v>
      </c>
    </row>
    <row r="805" spans="1:2" x14ac:dyDescent="0.3">
      <c r="A805" t="s">
        <v>804</v>
      </c>
      <c r="B805">
        <v>17843</v>
      </c>
    </row>
    <row r="806" spans="1:2" x14ac:dyDescent="0.3">
      <c r="A806" t="s">
        <v>805</v>
      </c>
      <c r="B806">
        <v>18476</v>
      </c>
    </row>
    <row r="807" spans="1:2" x14ac:dyDescent="0.3">
      <c r="A807" t="s">
        <v>806</v>
      </c>
      <c r="B807">
        <v>19137</v>
      </c>
    </row>
    <row r="808" spans="1:2" x14ac:dyDescent="0.3">
      <c r="A808" t="s">
        <v>807</v>
      </c>
      <c r="B808">
        <v>19891</v>
      </c>
    </row>
    <row r="809" spans="1:2" x14ac:dyDescent="0.3">
      <c r="A809" t="s">
        <v>808</v>
      </c>
      <c r="B809">
        <v>20709</v>
      </c>
    </row>
    <row r="810" spans="1:2" x14ac:dyDescent="0.3">
      <c r="A810" t="s">
        <v>809</v>
      </c>
      <c r="B810">
        <v>21591</v>
      </c>
    </row>
    <row r="811" spans="1:2" x14ac:dyDescent="0.3">
      <c r="A811" t="s">
        <v>810</v>
      </c>
      <c r="B811">
        <v>22541</v>
      </c>
    </row>
    <row r="812" spans="1:2" x14ac:dyDescent="0.3">
      <c r="A812" t="s">
        <v>811</v>
      </c>
      <c r="B812">
        <v>23503</v>
      </c>
    </row>
    <row r="813" spans="1:2" x14ac:dyDescent="0.3">
      <c r="A813" t="s">
        <v>812</v>
      </c>
      <c r="B813">
        <v>24444</v>
      </c>
    </row>
    <row r="814" spans="1:2" x14ac:dyDescent="0.3">
      <c r="A814" t="s">
        <v>813</v>
      </c>
      <c r="B814">
        <v>25358</v>
      </c>
    </row>
    <row r="815" spans="1:2" x14ac:dyDescent="0.3">
      <c r="A815" t="s">
        <v>814</v>
      </c>
      <c r="B815">
        <v>26108</v>
      </c>
    </row>
    <row r="816" spans="1:2" x14ac:dyDescent="0.3">
      <c r="A816" t="s">
        <v>815</v>
      </c>
      <c r="B816">
        <v>26839</v>
      </c>
    </row>
    <row r="817" spans="1:2" x14ac:dyDescent="0.3">
      <c r="A817" t="s">
        <v>816</v>
      </c>
      <c r="B817">
        <v>27636</v>
      </c>
    </row>
    <row r="818" spans="1:2" x14ac:dyDescent="0.3">
      <c r="A818" t="s">
        <v>817</v>
      </c>
      <c r="B818">
        <v>28484</v>
      </c>
    </row>
    <row r="819" spans="1:2" x14ac:dyDescent="0.3">
      <c r="A819" t="s">
        <v>818</v>
      </c>
      <c r="B819">
        <v>29560</v>
      </c>
    </row>
    <row r="820" spans="1:2" x14ac:dyDescent="0.3">
      <c r="A820" t="s">
        <v>819</v>
      </c>
      <c r="B820">
        <v>30441</v>
      </c>
    </row>
    <row r="821" spans="1:2" x14ac:dyDescent="0.3">
      <c r="A821" t="s">
        <v>820</v>
      </c>
      <c r="B821">
        <v>31290</v>
      </c>
    </row>
    <row r="822" spans="1:2" x14ac:dyDescent="0.3">
      <c r="A822" t="s">
        <v>821</v>
      </c>
      <c r="B822">
        <v>32023</v>
      </c>
    </row>
    <row r="823" spans="1:2" x14ac:dyDescent="0.3">
      <c r="A823" t="s">
        <v>822</v>
      </c>
      <c r="B823">
        <v>32615</v>
      </c>
    </row>
    <row r="824" spans="1:2" x14ac:dyDescent="0.3">
      <c r="A824" t="s">
        <v>823</v>
      </c>
      <c r="B824">
        <v>32767</v>
      </c>
    </row>
    <row r="825" spans="1:2" x14ac:dyDescent="0.3">
      <c r="A825" t="s">
        <v>824</v>
      </c>
      <c r="B825">
        <v>32767</v>
      </c>
    </row>
    <row r="826" spans="1:2" x14ac:dyDescent="0.3">
      <c r="A826" t="s">
        <v>825</v>
      </c>
      <c r="B826">
        <v>32767</v>
      </c>
    </row>
    <row r="827" spans="1:2" x14ac:dyDescent="0.3">
      <c r="A827" t="s">
        <v>826</v>
      </c>
      <c r="B827">
        <v>32767</v>
      </c>
    </row>
    <row r="828" spans="1:2" x14ac:dyDescent="0.3">
      <c r="A828" t="s">
        <v>827</v>
      </c>
      <c r="B828">
        <v>32767</v>
      </c>
    </row>
    <row r="829" spans="1:2" x14ac:dyDescent="0.3">
      <c r="A829" t="s">
        <v>828</v>
      </c>
      <c r="B829">
        <v>32767</v>
      </c>
    </row>
    <row r="830" spans="1:2" x14ac:dyDescent="0.3">
      <c r="A830" t="s">
        <v>829</v>
      </c>
      <c r="B830">
        <v>32767</v>
      </c>
    </row>
    <row r="831" spans="1:2" x14ac:dyDescent="0.3">
      <c r="A831" t="s">
        <v>830</v>
      </c>
      <c r="B831">
        <v>32767</v>
      </c>
    </row>
    <row r="832" spans="1:2" x14ac:dyDescent="0.3">
      <c r="A832" t="s">
        <v>831</v>
      </c>
      <c r="B832">
        <v>32767</v>
      </c>
    </row>
    <row r="833" spans="1:2" x14ac:dyDescent="0.3">
      <c r="A833" t="s">
        <v>832</v>
      </c>
      <c r="B833">
        <v>32767</v>
      </c>
    </row>
    <row r="834" spans="1:2" x14ac:dyDescent="0.3">
      <c r="A834" t="s">
        <v>833</v>
      </c>
      <c r="B834">
        <v>32767</v>
      </c>
    </row>
    <row r="835" spans="1:2" x14ac:dyDescent="0.3">
      <c r="A835" t="s">
        <v>834</v>
      </c>
      <c r="B835">
        <v>32767</v>
      </c>
    </row>
    <row r="836" spans="1:2" x14ac:dyDescent="0.3">
      <c r="A836" t="s">
        <v>835</v>
      </c>
      <c r="B836">
        <v>32767</v>
      </c>
    </row>
    <row r="837" spans="1:2" x14ac:dyDescent="0.3">
      <c r="A837" t="s">
        <v>836</v>
      </c>
      <c r="B837">
        <v>32767</v>
      </c>
    </row>
    <row r="838" spans="1:2" x14ac:dyDescent="0.3">
      <c r="A838" t="s">
        <v>837</v>
      </c>
      <c r="B838">
        <v>32767</v>
      </c>
    </row>
    <row r="839" spans="1:2" x14ac:dyDescent="0.3">
      <c r="A839" t="s">
        <v>838</v>
      </c>
      <c r="B839">
        <v>32767</v>
      </c>
    </row>
    <row r="840" spans="1:2" x14ac:dyDescent="0.3">
      <c r="A840" t="s">
        <v>839</v>
      </c>
      <c r="B840">
        <v>32767</v>
      </c>
    </row>
    <row r="841" spans="1:2" x14ac:dyDescent="0.3">
      <c r="A841" t="s">
        <v>840</v>
      </c>
      <c r="B841">
        <v>32767</v>
      </c>
    </row>
    <row r="842" spans="1:2" x14ac:dyDescent="0.3">
      <c r="A842" t="s">
        <v>841</v>
      </c>
      <c r="B842">
        <v>32767</v>
      </c>
    </row>
    <row r="843" spans="1:2" x14ac:dyDescent="0.3">
      <c r="A843" t="s">
        <v>842</v>
      </c>
      <c r="B843">
        <v>32767</v>
      </c>
    </row>
    <row r="844" spans="1:2" x14ac:dyDescent="0.3">
      <c r="A844" t="s">
        <v>843</v>
      </c>
      <c r="B844">
        <v>32711</v>
      </c>
    </row>
    <row r="845" spans="1:2" x14ac:dyDescent="0.3">
      <c r="A845" t="s">
        <v>844</v>
      </c>
      <c r="B845">
        <v>31741</v>
      </c>
    </row>
    <row r="846" spans="1:2" x14ac:dyDescent="0.3">
      <c r="A846" t="s">
        <v>845</v>
      </c>
      <c r="B846">
        <v>30508</v>
      </c>
    </row>
    <row r="847" spans="1:2" x14ac:dyDescent="0.3">
      <c r="A847" t="s">
        <v>846</v>
      </c>
      <c r="B847">
        <v>29616</v>
      </c>
    </row>
    <row r="848" spans="1:2" x14ac:dyDescent="0.3">
      <c r="A848" t="s">
        <v>847</v>
      </c>
      <c r="B848">
        <v>28713</v>
      </c>
    </row>
    <row r="849" spans="1:2" x14ac:dyDescent="0.3">
      <c r="A849" t="s">
        <v>848</v>
      </c>
      <c r="B849">
        <v>27745</v>
      </c>
    </row>
    <row r="850" spans="1:2" x14ac:dyDescent="0.3">
      <c r="A850" t="s">
        <v>849</v>
      </c>
      <c r="B850">
        <v>26752</v>
      </c>
    </row>
    <row r="851" spans="1:2" x14ac:dyDescent="0.3">
      <c r="A851" t="s">
        <v>850</v>
      </c>
      <c r="B851">
        <v>25742</v>
      </c>
    </row>
    <row r="852" spans="1:2" x14ac:dyDescent="0.3">
      <c r="A852" t="s">
        <v>851</v>
      </c>
      <c r="B852">
        <v>24762</v>
      </c>
    </row>
    <row r="853" spans="1:2" x14ac:dyDescent="0.3">
      <c r="A853" t="s">
        <v>852</v>
      </c>
      <c r="B853">
        <v>23693</v>
      </c>
    </row>
    <row r="854" spans="1:2" x14ac:dyDescent="0.3">
      <c r="A854" t="s">
        <v>853</v>
      </c>
      <c r="B854">
        <v>22747</v>
      </c>
    </row>
    <row r="855" spans="1:2" x14ac:dyDescent="0.3">
      <c r="A855" t="s">
        <v>854</v>
      </c>
      <c r="B855">
        <v>21833</v>
      </c>
    </row>
    <row r="856" spans="1:2" x14ac:dyDescent="0.3">
      <c r="A856" t="s">
        <v>855</v>
      </c>
      <c r="B856">
        <v>20980</v>
      </c>
    </row>
    <row r="857" spans="1:2" x14ac:dyDescent="0.3">
      <c r="A857" t="s">
        <v>856</v>
      </c>
      <c r="B857">
        <v>20205</v>
      </c>
    </row>
    <row r="858" spans="1:2" x14ac:dyDescent="0.3">
      <c r="A858" t="s">
        <v>857</v>
      </c>
      <c r="B858">
        <v>19511</v>
      </c>
    </row>
    <row r="859" spans="1:2" x14ac:dyDescent="0.3">
      <c r="A859" t="s">
        <v>858</v>
      </c>
      <c r="B859">
        <v>18762</v>
      </c>
    </row>
    <row r="860" spans="1:2" x14ac:dyDescent="0.3">
      <c r="A860" t="s">
        <v>859</v>
      </c>
      <c r="B860">
        <v>18003</v>
      </c>
    </row>
    <row r="861" spans="1:2" x14ac:dyDescent="0.3">
      <c r="A861" t="s">
        <v>860</v>
      </c>
      <c r="B861">
        <v>17371</v>
      </c>
    </row>
    <row r="862" spans="1:2" x14ac:dyDescent="0.3">
      <c r="A862" t="s">
        <v>861</v>
      </c>
      <c r="B862">
        <v>16866</v>
      </c>
    </row>
    <row r="863" spans="1:2" x14ac:dyDescent="0.3">
      <c r="A863" t="s">
        <v>862</v>
      </c>
      <c r="B863">
        <v>16508</v>
      </c>
    </row>
    <row r="864" spans="1:2" x14ac:dyDescent="0.3">
      <c r="A864" t="s">
        <v>863</v>
      </c>
      <c r="B864">
        <v>16204</v>
      </c>
    </row>
    <row r="865" spans="1:2" x14ac:dyDescent="0.3">
      <c r="A865" t="s">
        <v>864</v>
      </c>
      <c r="B865">
        <v>15930</v>
      </c>
    </row>
    <row r="866" spans="1:2" x14ac:dyDescent="0.3">
      <c r="A866" t="s">
        <v>865</v>
      </c>
      <c r="B866">
        <v>15763</v>
      </c>
    </row>
    <row r="867" spans="1:2" x14ac:dyDescent="0.3">
      <c r="A867" t="s">
        <v>866</v>
      </c>
      <c r="B867">
        <v>15850</v>
      </c>
    </row>
    <row r="868" spans="1:2" x14ac:dyDescent="0.3">
      <c r="A868" t="s">
        <v>867</v>
      </c>
      <c r="B868">
        <v>16145</v>
      </c>
    </row>
    <row r="869" spans="1:2" x14ac:dyDescent="0.3">
      <c r="A869" t="s">
        <v>868</v>
      </c>
      <c r="B869">
        <v>16440</v>
      </c>
    </row>
    <row r="870" spans="1:2" x14ac:dyDescent="0.3">
      <c r="A870" t="s">
        <v>869</v>
      </c>
      <c r="B870">
        <v>16834</v>
      </c>
    </row>
    <row r="871" spans="1:2" x14ac:dyDescent="0.3">
      <c r="A871" t="s">
        <v>870</v>
      </c>
      <c r="B871">
        <v>17387</v>
      </c>
    </row>
    <row r="872" spans="1:2" x14ac:dyDescent="0.3">
      <c r="A872" t="s">
        <v>871</v>
      </c>
      <c r="B872">
        <v>17997</v>
      </c>
    </row>
    <row r="873" spans="1:2" x14ac:dyDescent="0.3">
      <c r="A873" t="s">
        <v>872</v>
      </c>
      <c r="B873">
        <v>18625</v>
      </c>
    </row>
    <row r="874" spans="1:2" x14ac:dyDescent="0.3">
      <c r="A874" t="s">
        <v>873</v>
      </c>
      <c r="B874">
        <v>19330</v>
      </c>
    </row>
    <row r="875" spans="1:2" x14ac:dyDescent="0.3">
      <c r="A875" t="s">
        <v>874</v>
      </c>
      <c r="B875">
        <v>20117</v>
      </c>
    </row>
    <row r="876" spans="1:2" x14ac:dyDescent="0.3">
      <c r="A876" t="s">
        <v>875</v>
      </c>
      <c r="B876">
        <v>20967</v>
      </c>
    </row>
    <row r="877" spans="1:2" x14ac:dyDescent="0.3">
      <c r="A877" t="s">
        <v>876</v>
      </c>
      <c r="B877">
        <v>21843</v>
      </c>
    </row>
    <row r="878" spans="1:2" x14ac:dyDescent="0.3">
      <c r="A878" t="s">
        <v>877</v>
      </c>
      <c r="B878">
        <v>22778</v>
      </c>
    </row>
    <row r="879" spans="1:2" x14ac:dyDescent="0.3">
      <c r="A879" t="s">
        <v>878</v>
      </c>
      <c r="B879">
        <v>23769</v>
      </c>
    </row>
    <row r="880" spans="1:2" x14ac:dyDescent="0.3">
      <c r="A880" t="s">
        <v>879</v>
      </c>
      <c r="B880">
        <v>24726</v>
      </c>
    </row>
    <row r="881" spans="1:2" x14ac:dyDescent="0.3">
      <c r="A881" t="s">
        <v>880</v>
      </c>
      <c r="B881">
        <v>25576</v>
      </c>
    </row>
    <row r="882" spans="1:2" x14ac:dyDescent="0.3">
      <c r="A882" t="s">
        <v>881</v>
      </c>
      <c r="B882">
        <v>26281</v>
      </c>
    </row>
    <row r="883" spans="1:2" x14ac:dyDescent="0.3">
      <c r="A883" t="s">
        <v>882</v>
      </c>
      <c r="B883">
        <v>27031</v>
      </c>
    </row>
    <row r="884" spans="1:2" x14ac:dyDescent="0.3">
      <c r="A884" t="s">
        <v>883</v>
      </c>
      <c r="B884">
        <v>27845</v>
      </c>
    </row>
    <row r="885" spans="1:2" x14ac:dyDescent="0.3">
      <c r="A885" t="s">
        <v>884</v>
      </c>
      <c r="B885">
        <v>28719</v>
      </c>
    </row>
    <row r="886" spans="1:2" x14ac:dyDescent="0.3">
      <c r="A886" t="s">
        <v>885</v>
      </c>
      <c r="B886">
        <v>29821</v>
      </c>
    </row>
    <row r="887" spans="1:2" x14ac:dyDescent="0.3">
      <c r="A887" t="s">
        <v>886</v>
      </c>
      <c r="B887">
        <v>30627</v>
      </c>
    </row>
    <row r="888" spans="1:2" x14ac:dyDescent="0.3">
      <c r="A888" t="s">
        <v>887</v>
      </c>
      <c r="B888">
        <v>31469</v>
      </c>
    </row>
    <row r="889" spans="1:2" x14ac:dyDescent="0.3">
      <c r="A889" t="s">
        <v>888</v>
      </c>
      <c r="B889">
        <v>32185</v>
      </c>
    </row>
    <row r="890" spans="1:2" x14ac:dyDescent="0.3">
      <c r="A890" t="s">
        <v>889</v>
      </c>
      <c r="B890">
        <v>32694</v>
      </c>
    </row>
    <row r="891" spans="1:2" x14ac:dyDescent="0.3">
      <c r="A891" t="s">
        <v>890</v>
      </c>
      <c r="B891">
        <v>32767</v>
      </c>
    </row>
    <row r="892" spans="1:2" x14ac:dyDescent="0.3">
      <c r="A892" t="s">
        <v>891</v>
      </c>
      <c r="B892">
        <v>32767</v>
      </c>
    </row>
    <row r="893" spans="1:2" x14ac:dyDescent="0.3">
      <c r="A893" t="s">
        <v>892</v>
      </c>
      <c r="B893">
        <v>32767</v>
      </c>
    </row>
    <row r="894" spans="1:2" x14ac:dyDescent="0.3">
      <c r="A894" t="s">
        <v>893</v>
      </c>
      <c r="B894">
        <v>32767</v>
      </c>
    </row>
    <row r="895" spans="1:2" x14ac:dyDescent="0.3">
      <c r="A895" t="s">
        <v>894</v>
      </c>
      <c r="B895">
        <v>32767</v>
      </c>
    </row>
    <row r="896" spans="1:2" x14ac:dyDescent="0.3">
      <c r="A896" t="s">
        <v>895</v>
      </c>
      <c r="B896">
        <v>32767</v>
      </c>
    </row>
    <row r="897" spans="1:2" x14ac:dyDescent="0.3">
      <c r="A897" t="s">
        <v>896</v>
      </c>
      <c r="B897">
        <v>32767</v>
      </c>
    </row>
    <row r="898" spans="1:2" x14ac:dyDescent="0.3">
      <c r="A898" t="s">
        <v>897</v>
      </c>
      <c r="B898">
        <v>32767</v>
      </c>
    </row>
    <row r="899" spans="1:2" x14ac:dyDescent="0.3">
      <c r="A899" t="s">
        <v>898</v>
      </c>
      <c r="B899">
        <v>32767</v>
      </c>
    </row>
    <row r="900" spans="1:2" x14ac:dyDescent="0.3">
      <c r="A900" t="s">
        <v>899</v>
      </c>
      <c r="B900">
        <v>32767</v>
      </c>
    </row>
    <row r="901" spans="1:2" x14ac:dyDescent="0.3">
      <c r="A901" t="s">
        <v>900</v>
      </c>
      <c r="B901">
        <v>32767</v>
      </c>
    </row>
    <row r="902" spans="1:2" x14ac:dyDescent="0.3">
      <c r="A902" t="s">
        <v>901</v>
      </c>
      <c r="B902">
        <v>32767</v>
      </c>
    </row>
    <row r="903" spans="1:2" x14ac:dyDescent="0.3">
      <c r="A903" t="s">
        <v>902</v>
      </c>
      <c r="B903">
        <v>32767</v>
      </c>
    </row>
    <row r="904" spans="1:2" x14ac:dyDescent="0.3">
      <c r="A904" t="s">
        <v>903</v>
      </c>
      <c r="B904">
        <v>32767</v>
      </c>
    </row>
    <row r="905" spans="1:2" x14ac:dyDescent="0.3">
      <c r="A905" t="s">
        <v>904</v>
      </c>
      <c r="B905">
        <v>32767</v>
      </c>
    </row>
    <row r="906" spans="1:2" x14ac:dyDescent="0.3">
      <c r="A906" t="s">
        <v>905</v>
      </c>
      <c r="B906">
        <v>32767</v>
      </c>
    </row>
    <row r="907" spans="1:2" x14ac:dyDescent="0.3">
      <c r="A907" t="s">
        <v>906</v>
      </c>
      <c r="B907">
        <v>32767</v>
      </c>
    </row>
    <row r="908" spans="1:2" x14ac:dyDescent="0.3">
      <c r="A908" t="s">
        <v>907</v>
      </c>
      <c r="B908">
        <v>32767</v>
      </c>
    </row>
    <row r="909" spans="1:2" x14ac:dyDescent="0.3">
      <c r="A909" t="s">
        <v>908</v>
      </c>
      <c r="B909">
        <v>32767</v>
      </c>
    </row>
    <row r="910" spans="1:2" x14ac:dyDescent="0.3">
      <c r="A910" t="s">
        <v>909</v>
      </c>
      <c r="B910">
        <v>32767</v>
      </c>
    </row>
    <row r="911" spans="1:2" x14ac:dyDescent="0.3">
      <c r="A911" t="s">
        <v>910</v>
      </c>
      <c r="B911">
        <v>32359</v>
      </c>
    </row>
    <row r="912" spans="1:2" x14ac:dyDescent="0.3">
      <c r="A912" t="s">
        <v>911</v>
      </c>
      <c r="B912">
        <v>30938</v>
      </c>
    </row>
    <row r="913" spans="1:2" x14ac:dyDescent="0.3">
      <c r="A913" t="s">
        <v>912</v>
      </c>
      <c r="B913">
        <v>29973</v>
      </c>
    </row>
    <row r="914" spans="1:2" x14ac:dyDescent="0.3">
      <c r="A914" t="s">
        <v>913</v>
      </c>
      <c r="B914">
        <v>29104</v>
      </c>
    </row>
    <row r="915" spans="1:2" x14ac:dyDescent="0.3">
      <c r="A915" t="s">
        <v>914</v>
      </c>
      <c r="B915">
        <v>28216</v>
      </c>
    </row>
    <row r="916" spans="1:2" x14ac:dyDescent="0.3">
      <c r="A916" t="s">
        <v>915</v>
      </c>
      <c r="B916">
        <v>27248</v>
      </c>
    </row>
    <row r="917" spans="1:2" x14ac:dyDescent="0.3">
      <c r="A917" t="s">
        <v>916</v>
      </c>
      <c r="B917">
        <v>26229</v>
      </c>
    </row>
    <row r="918" spans="1:2" x14ac:dyDescent="0.3">
      <c r="A918" t="s">
        <v>917</v>
      </c>
      <c r="B918">
        <v>25209</v>
      </c>
    </row>
    <row r="919" spans="1:2" x14ac:dyDescent="0.3">
      <c r="A919" t="s">
        <v>918</v>
      </c>
      <c r="B919">
        <v>24207</v>
      </c>
    </row>
    <row r="920" spans="1:2" x14ac:dyDescent="0.3">
      <c r="A920" t="s">
        <v>919</v>
      </c>
      <c r="B920">
        <v>23159</v>
      </c>
    </row>
    <row r="921" spans="1:2" x14ac:dyDescent="0.3">
      <c r="A921" t="s">
        <v>920</v>
      </c>
      <c r="B921">
        <v>22235</v>
      </c>
    </row>
    <row r="922" spans="1:2" x14ac:dyDescent="0.3">
      <c r="A922" t="s">
        <v>921</v>
      </c>
      <c r="B922">
        <v>21329</v>
      </c>
    </row>
    <row r="923" spans="1:2" x14ac:dyDescent="0.3">
      <c r="A923" t="s">
        <v>922</v>
      </c>
      <c r="B923">
        <v>20448</v>
      </c>
    </row>
    <row r="924" spans="1:2" x14ac:dyDescent="0.3">
      <c r="A924" t="s">
        <v>923</v>
      </c>
      <c r="B924">
        <v>19684</v>
      </c>
    </row>
    <row r="925" spans="1:2" x14ac:dyDescent="0.3">
      <c r="A925" t="s">
        <v>924</v>
      </c>
      <c r="B925">
        <v>18972</v>
      </c>
    </row>
    <row r="926" spans="1:2" x14ac:dyDescent="0.3">
      <c r="A926" t="s">
        <v>925</v>
      </c>
      <c r="B926">
        <v>18229</v>
      </c>
    </row>
    <row r="927" spans="1:2" x14ac:dyDescent="0.3">
      <c r="A927" t="s">
        <v>926</v>
      </c>
      <c r="B927">
        <v>17550</v>
      </c>
    </row>
    <row r="928" spans="1:2" x14ac:dyDescent="0.3">
      <c r="A928" t="s">
        <v>927</v>
      </c>
      <c r="B928">
        <v>16963</v>
      </c>
    </row>
    <row r="929" spans="1:2" x14ac:dyDescent="0.3">
      <c r="A929" t="s">
        <v>928</v>
      </c>
      <c r="B929">
        <v>16472</v>
      </c>
    </row>
    <row r="930" spans="1:2" x14ac:dyDescent="0.3">
      <c r="A930" t="s">
        <v>929</v>
      </c>
      <c r="B930">
        <v>16091</v>
      </c>
    </row>
    <row r="931" spans="1:2" x14ac:dyDescent="0.3">
      <c r="A931" t="s">
        <v>930</v>
      </c>
      <c r="B931">
        <v>15834</v>
      </c>
    </row>
    <row r="932" spans="1:2" x14ac:dyDescent="0.3">
      <c r="A932" t="s">
        <v>931</v>
      </c>
      <c r="B932">
        <v>15573</v>
      </c>
    </row>
    <row r="933" spans="1:2" x14ac:dyDescent="0.3">
      <c r="A933" t="s">
        <v>932</v>
      </c>
      <c r="B933">
        <v>15407</v>
      </c>
    </row>
    <row r="934" spans="1:2" x14ac:dyDescent="0.3">
      <c r="A934" t="s">
        <v>933</v>
      </c>
      <c r="B934">
        <v>15624</v>
      </c>
    </row>
    <row r="935" spans="1:2" x14ac:dyDescent="0.3">
      <c r="A935" t="s">
        <v>934</v>
      </c>
      <c r="B935">
        <v>15979</v>
      </c>
    </row>
    <row r="936" spans="1:2" x14ac:dyDescent="0.3">
      <c r="A936" t="s">
        <v>935</v>
      </c>
      <c r="B936">
        <v>16289</v>
      </c>
    </row>
    <row r="937" spans="1:2" x14ac:dyDescent="0.3">
      <c r="A937" t="s">
        <v>936</v>
      </c>
      <c r="B937">
        <v>16739</v>
      </c>
    </row>
    <row r="938" spans="1:2" x14ac:dyDescent="0.3">
      <c r="A938" t="s">
        <v>937</v>
      </c>
      <c r="B938">
        <v>17315</v>
      </c>
    </row>
    <row r="939" spans="1:2" x14ac:dyDescent="0.3">
      <c r="A939" t="s">
        <v>938</v>
      </c>
      <c r="B939">
        <v>17922</v>
      </c>
    </row>
    <row r="940" spans="1:2" x14ac:dyDescent="0.3">
      <c r="A940" t="s">
        <v>939</v>
      </c>
      <c r="B940">
        <v>18573</v>
      </c>
    </row>
    <row r="941" spans="1:2" x14ac:dyDescent="0.3">
      <c r="A941" t="s">
        <v>940</v>
      </c>
      <c r="B941">
        <v>19288</v>
      </c>
    </row>
    <row r="942" spans="1:2" x14ac:dyDescent="0.3">
      <c r="A942" t="s">
        <v>941</v>
      </c>
      <c r="B942">
        <v>20114</v>
      </c>
    </row>
    <row r="943" spans="1:2" x14ac:dyDescent="0.3">
      <c r="A943" t="s">
        <v>942</v>
      </c>
      <c r="B943">
        <v>20974</v>
      </c>
    </row>
    <row r="944" spans="1:2" x14ac:dyDescent="0.3">
      <c r="A944" t="s">
        <v>943</v>
      </c>
      <c r="B944">
        <v>21856</v>
      </c>
    </row>
    <row r="945" spans="1:2" x14ac:dyDescent="0.3">
      <c r="A945" t="s">
        <v>944</v>
      </c>
      <c r="B945">
        <v>22795</v>
      </c>
    </row>
    <row r="946" spans="1:2" x14ac:dyDescent="0.3">
      <c r="A946" t="s">
        <v>945</v>
      </c>
      <c r="B946">
        <v>23763</v>
      </c>
    </row>
    <row r="947" spans="1:2" x14ac:dyDescent="0.3">
      <c r="A947" t="s">
        <v>946</v>
      </c>
      <c r="B947">
        <v>24714</v>
      </c>
    </row>
    <row r="948" spans="1:2" x14ac:dyDescent="0.3">
      <c r="A948" t="s">
        <v>947</v>
      </c>
      <c r="B948">
        <v>25511</v>
      </c>
    </row>
    <row r="949" spans="1:2" x14ac:dyDescent="0.3">
      <c r="A949" t="s">
        <v>948</v>
      </c>
      <c r="B949">
        <v>26225</v>
      </c>
    </row>
    <row r="950" spans="1:2" x14ac:dyDescent="0.3">
      <c r="A950" t="s">
        <v>949</v>
      </c>
      <c r="B950">
        <v>27003</v>
      </c>
    </row>
    <row r="951" spans="1:2" x14ac:dyDescent="0.3">
      <c r="A951" t="s">
        <v>950</v>
      </c>
      <c r="B951">
        <v>27834</v>
      </c>
    </row>
    <row r="952" spans="1:2" x14ac:dyDescent="0.3">
      <c r="A952" t="s">
        <v>951</v>
      </c>
      <c r="B952">
        <v>28809</v>
      </c>
    </row>
    <row r="953" spans="1:2" x14ac:dyDescent="0.3">
      <c r="A953" t="s">
        <v>952</v>
      </c>
      <c r="B953">
        <v>29824</v>
      </c>
    </row>
    <row r="954" spans="1:2" x14ac:dyDescent="0.3">
      <c r="A954" t="s">
        <v>953</v>
      </c>
      <c r="B954">
        <v>30647</v>
      </c>
    </row>
    <row r="955" spans="1:2" x14ac:dyDescent="0.3">
      <c r="A955" t="s">
        <v>954</v>
      </c>
      <c r="B955">
        <v>31448</v>
      </c>
    </row>
    <row r="956" spans="1:2" x14ac:dyDescent="0.3">
      <c r="A956" t="s">
        <v>955</v>
      </c>
      <c r="B956">
        <v>32112</v>
      </c>
    </row>
    <row r="957" spans="1:2" x14ac:dyDescent="0.3">
      <c r="A957" t="s">
        <v>956</v>
      </c>
      <c r="B957">
        <v>32645</v>
      </c>
    </row>
    <row r="958" spans="1:2" x14ac:dyDescent="0.3">
      <c r="A958" t="s">
        <v>957</v>
      </c>
      <c r="B958">
        <v>32767</v>
      </c>
    </row>
    <row r="959" spans="1:2" x14ac:dyDescent="0.3">
      <c r="A959" t="s">
        <v>958</v>
      </c>
      <c r="B959">
        <v>32767</v>
      </c>
    </row>
    <row r="960" spans="1:2" x14ac:dyDescent="0.3">
      <c r="A960" t="s">
        <v>959</v>
      </c>
      <c r="B960">
        <v>32767</v>
      </c>
    </row>
    <row r="961" spans="1:2" x14ac:dyDescent="0.3">
      <c r="A961" t="s">
        <v>960</v>
      </c>
      <c r="B961">
        <v>32767</v>
      </c>
    </row>
    <row r="962" spans="1:2" x14ac:dyDescent="0.3">
      <c r="A962" t="s">
        <v>961</v>
      </c>
      <c r="B962">
        <v>32767</v>
      </c>
    </row>
    <row r="963" spans="1:2" x14ac:dyDescent="0.3">
      <c r="A963" t="s">
        <v>962</v>
      </c>
      <c r="B963">
        <v>32767</v>
      </c>
    </row>
    <row r="964" spans="1:2" x14ac:dyDescent="0.3">
      <c r="A964" t="s">
        <v>963</v>
      </c>
      <c r="B964">
        <v>32767</v>
      </c>
    </row>
    <row r="965" spans="1:2" x14ac:dyDescent="0.3">
      <c r="A965" t="s">
        <v>964</v>
      </c>
      <c r="B965">
        <v>32767</v>
      </c>
    </row>
    <row r="966" spans="1:2" x14ac:dyDescent="0.3">
      <c r="A966" t="s">
        <v>965</v>
      </c>
      <c r="B966">
        <v>32767</v>
      </c>
    </row>
    <row r="967" spans="1:2" x14ac:dyDescent="0.3">
      <c r="A967" t="s">
        <v>966</v>
      </c>
      <c r="B967">
        <v>32767</v>
      </c>
    </row>
    <row r="968" spans="1:2" x14ac:dyDescent="0.3">
      <c r="A968" t="s">
        <v>967</v>
      </c>
      <c r="B968">
        <v>32767</v>
      </c>
    </row>
    <row r="969" spans="1:2" x14ac:dyDescent="0.3">
      <c r="A969" t="s">
        <v>968</v>
      </c>
      <c r="B969">
        <v>32767</v>
      </c>
    </row>
    <row r="970" spans="1:2" x14ac:dyDescent="0.3">
      <c r="A970" t="s">
        <v>969</v>
      </c>
      <c r="B970">
        <v>32767</v>
      </c>
    </row>
    <row r="971" spans="1:2" x14ac:dyDescent="0.3">
      <c r="A971" t="s">
        <v>970</v>
      </c>
      <c r="B971">
        <v>32767</v>
      </c>
    </row>
    <row r="972" spans="1:2" x14ac:dyDescent="0.3">
      <c r="A972" t="s">
        <v>971</v>
      </c>
      <c r="B972">
        <v>32767</v>
      </c>
    </row>
    <row r="973" spans="1:2" x14ac:dyDescent="0.3">
      <c r="A973" t="s">
        <v>972</v>
      </c>
      <c r="B973">
        <v>32767</v>
      </c>
    </row>
    <row r="974" spans="1:2" x14ac:dyDescent="0.3">
      <c r="A974" t="s">
        <v>973</v>
      </c>
      <c r="B974">
        <v>32767</v>
      </c>
    </row>
    <row r="975" spans="1:2" x14ac:dyDescent="0.3">
      <c r="A975" t="s">
        <v>974</v>
      </c>
      <c r="B975">
        <v>32767</v>
      </c>
    </row>
    <row r="976" spans="1:2" x14ac:dyDescent="0.3">
      <c r="A976" t="s">
        <v>975</v>
      </c>
      <c r="B976">
        <v>32767</v>
      </c>
    </row>
    <row r="977" spans="1:2" x14ac:dyDescent="0.3">
      <c r="A977" t="s">
        <v>976</v>
      </c>
      <c r="B977">
        <v>32552</v>
      </c>
    </row>
    <row r="978" spans="1:2" x14ac:dyDescent="0.3">
      <c r="A978" t="s">
        <v>977</v>
      </c>
      <c r="B978">
        <v>31246</v>
      </c>
    </row>
    <row r="979" spans="1:2" x14ac:dyDescent="0.3">
      <c r="A979" t="s">
        <v>978</v>
      </c>
      <c r="B979">
        <v>30201</v>
      </c>
    </row>
    <row r="980" spans="1:2" x14ac:dyDescent="0.3">
      <c r="A980" t="s">
        <v>979</v>
      </c>
      <c r="B980">
        <v>29322</v>
      </c>
    </row>
    <row r="981" spans="1:2" x14ac:dyDescent="0.3">
      <c r="A981" t="s">
        <v>980</v>
      </c>
      <c r="B981">
        <v>28449</v>
      </c>
    </row>
    <row r="982" spans="1:2" x14ac:dyDescent="0.3">
      <c r="A982" t="s">
        <v>981</v>
      </c>
      <c r="B982">
        <v>27527</v>
      </c>
    </row>
    <row r="983" spans="1:2" x14ac:dyDescent="0.3">
      <c r="A983" t="s">
        <v>982</v>
      </c>
      <c r="B983">
        <v>26536</v>
      </c>
    </row>
    <row r="984" spans="1:2" x14ac:dyDescent="0.3">
      <c r="A984" t="s">
        <v>983</v>
      </c>
      <c r="B984">
        <v>25495</v>
      </c>
    </row>
    <row r="985" spans="1:2" x14ac:dyDescent="0.3">
      <c r="A985" t="s">
        <v>984</v>
      </c>
      <c r="B985">
        <v>24494</v>
      </c>
    </row>
    <row r="986" spans="1:2" x14ac:dyDescent="0.3">
      <c r="A986" t="s">
        <v>985</v>
      </c>
      <c r="B986">
        <v>23447</v>
      </c>
    </row>
    <row r="987" spans="1:2" x14ac:dyDescent="0.3">
      <c r="A987" t="s">
        <v>986</v>
      </c>
      <c r="B987">
        <v>22442</v>
      </c>
    </row>
    <row r="988" spans="1:2" x14ac:dyDescent="0.3">
      <c r="A988" t="s">
        <v>987</v>
      </c>
      <c r="B988">
        <v>21530</v>
      </c>
    </row>
    <row r="989" spans="1:2" x14ac:dyDescent="0.3">
      <c r="A989" t="s">
        <v>988</v>
      </c>
      <c r="B989">
        <v>20635</v>
      </c>
    </row>
    <row r="990" spans="1:2" x14ac:dyDescent="0.3">
      <c r="A990" t="s">
        <v>989</v>
      </c>
      <c r="B990">
        <v>19779</v>
      </c>
    </row>
    <row r="991" spans="1:2" x14ac:dyDescent="0.3">
      <c r="A991" t="s">
        <v>990</v>
      </c>
      <c r="B991">
        <v>19041</v>
      </c>
    </row>
    <row r="992" spans="1:2" x14ac:dyDescent="0.3">
      <c r="A992" t="s">
        <v>991</v>
      </c>
      <c r="B992">
        <v>18310</v>
      </c>
    </row>
    <row r="993" spans="1:2" x14ac:dyDescent="0.3">
      <c r="A993" t="s">
        <v>992</v>
      </c>
      <c r="B993">
        <v>17601</v>
      </c>
    </row>
    <row r="994" spans="1:2" x14ac:dyDescent="0.3">
      <c r="A994" t="s">
        <v>993</v>
      </c>
      <c r="B994">
        <v>16951</v>
      </c>
    </row>
    <row r="995" spans="1:2" x14ac:dyDescent="0.3">
      <c r="A995" t="s">
        <v>994</v>
      </c>
      <c r="B995">
        <v>16401</v>
      </c>
    </row>
    <row r="996" spans="1:2" x14ac:dyDescent="0.3">
      <c r="A996" t="s">
        <v>995</v>
      </c>
      <c r="B996">
        <v>16009</v>
      </c>
    </row>
    <row r="997" spans="1:2" x14ac:dyDescent="0.3">
      <c r="A997" t="s">
        <v>996</v>
      </c>
      <c r="B997">
        <v>15661</v>
      </c>
    </row>
    <row r="998" spans="1:2" x14ac:dyDescent="0.3">
      <c r="A998" t="s">
        <v>997</v>
      </c>
      <c r="B998">
        <v>15382</v>
      </c>
    </row>
    <row r="999" spans="1:2" x14ac:dyDescent="0.3">
      <c r="A999" t="s">
        <v>998</v>
      </c>
      <c r="B999">
        <v>15178</v>
      </c>
    </row>
    <row r="1000" spans="1:2" x14ac:dyDescent="0.3">
      <c r="A1000" t="s">
        <v>999</v>
      </c>
      <c r="B1000">
        <v>15137</v>
      </c>
    </row>
  </sheetData>
  <pageMargins left="0.7" right="0.7" top="0.75" bottom="0.75" header="0.3" footer="0.3"/>
  <drawing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6E2FB76E-BD2F-4050-99EA-71B3B47BDDE0}">
  <dimension ref="A1:B201"/>
  <sheetViews>
    <sheetView workbookViewId="0">
      <selection activeCell="F23" sqref="F23"/>
    </sheetView>
  </sheetViews>
  <sheetFormatPr defaultRowHeight="13.2" x14ac:dyDescent="0.3"/>
  <sheetData>
    <row r="1" spans="1:2" x14ac:dyDescent="0.3">
      <c r="A1" t="s">
        <v>0</v>
      </c>
      <c r="B1">
        <v>65376</v>
      </c>
    </row>
    <row r="2" spans="1:2" x14ac:dyDescent="0.3">
      <c r="A2" t="s">
        <v>1</v>
      </c>
      <c r="B2">
        <v>65375</v>
      </c>
    </row>
    <row r="3" spans="1:2" x14ac:dyDescent="0.3">
      <c r="A3" t="s">
        <v>2</v>
      </c>
      <c r="B3">
        <v>65382</v>
      </c>
    </row>
    <row r="4" spans="1:2" x14ac:dyDescent="0.3">
      <c r="A4" t="s">
        <v>3</v>
      </c>
      <c r="B4">
        <v>65379</v>
      </c>
    </row>
    <row r="5" spans="1:2" x14ac:dyDescent="0.3">
      <c r="A5" t="s">
        <v>4</v>
      </c>
      <c r="B5">
        <v>64974</v>
      </c>
    </row>
    <row r="6" spans="1:2" x14ac:dyDescent="0.3">
      <c r="A6" t="s">
        <v>5</v>
      </c>
      <c r="B6">
        <v>63961</v>
      </c>
    </row>
    <row r="7" spans="1:2" x14ac:dyDescent="0.3">
      <c r="A7" t="s">
        <v>6</v>
      </c>
      <c r="B7">
        <v>64972</v>
      </c>
    </row>
    <row r="8" spans="1:2" x14ac:dyDescent="0.3">
      <c r="A8" t="s">
        <v>7</v>
      </c>
      <c r="B8">
        <v>65524</v>
      </c>
    </row>
    <row r="9" spans="1:2" x14ac:dyDescent="0.3">
      <c r="A9" t="s">
        <v>8</v>
      </c>
      <c r="B9">
        <v>65528</v>
      </c>
    </row>
    <row r="10" spans="1:2" x14ac:dyDescent="0.3">
      <c r="A10" t="s">
        <v>9</v>
      </c>
      <c r="B10">
        <v>65532</v>
      </c>
    </row>
    <row r="11" spans="1:2" x14ac:dyDescent="0.3">
      <c r="A11" t="s">
        <v>10</v>
      </c>
      <c r="B11">
        <v>2</v>
      </c>
    </row>
    <row r="12" spans="1:2" x14ac:dyDescent="0.3">
      <c r="A12" t="s">
        <v>11</v>
      </c>
      <c r="B12">
        <v>2</v>
      </c>
    </row>
    <row r="13" spans="1:2" x14ac:dyDescent="0.3">
      <c r="A13" t="s">
        <v>12</v>
      </c>
      <c r="B13">
        <v>65535</v>
      </c>
    </row>
    <row r="14" spans="1:2" x14ac:dyDescent="0.3">
      <c r="A14" t="s">
        <v>13</v>
      </c>
      <c r="B14">
        <v>65535</v>
      </c>
    </row>
    <row r="15" spans="1:2" x14ac:dyDescent="0.3">
      <c r="A15" t="s">
        <v>14</v>
      </c>
      <c r="B15">
        <v>65534</v>
      </c>
    </row>
    <row r="16" spans="1:2" x14ac:dyDescent="0.3">
      <c r="A16" t="s">
        <v>15</v>
      </c>
      <c r="B16">
        <v>65534</v>
      </c>
    </row>
    <row r="17" spans="1:2" x14ac:dyDescent="0.3">
      <c r="A17" t="s">
        <v>16</v>
      </c>
      <c r="B17">
        <v>1</v>
      </c>
    </row>
    <row r="18" spans="1:2" x14ac:dyDescent="0.3">
      <c r="A18" t="s">
        <v>17</v>
      </c>
      <c r="B18">
        <v>65535</v>
      </c>
    </row>
    <row r="19" spans="1:2" x14ac:dyDescent="0.3">
      <c r="A19" t="s">
        <v>18</v>
      </c>
      <c r="B19">
        <v>65535</v>
      </c>
    </row>
    <row r="20" spans="1:2" x14ac:dyDescent="0.3">
      <c r="A20" t="s">
        <v>19</v>
      </c>
      <c r="B20">
        <v>0</v>
      </c>
    </row>
    <row r="21" spans="1:2" x14ac:dyDescent="0.3">
      <c r="A21" t="s">
        <v>20</v>
      </c>
      <c r="B21">
        <v>65532</v>
      </c>
    </row>
    <row r="22" spans="1:2" x14ac:dyDescent="0.3">
      <c r="A22" t="s">
        <v>21</v>
      </c>
      <c r="B22">
        <v>2</v>
      </c>
    </row>
    <row r="23" spans="1:2" x14ac:dyDescent="0.3">
      <c r="A23" t="s">
        <v>22</v>
      </c>
      <c r="B23">
        <v>41</v>
      </c>
    </row>
    <row r="24" spans="1:2" x14ac:dyDescent="0.3">
      <c r="A24" t="s">
        <v>23</v>
      </c>
      <c r="B24">
        <v>752</v>
      </c>
    </row>
    <row r="25" spans="1:2" x14ac:dyDescent="0.3">
      <c r="A25" t="s">
        <v>24</v>
      </c>
      <c r="B25">
        <v>4106</v>
      </c>
    </row>
    <row r="26" spans="1:2" x14ac:dyDescent="0.3">
      <c r="A26" t="s">
        <v>25</v>
      </c>
      <c r="B26">
        <v>5028</v>
      </c>
    </row>
    <row r="27" spans="1:2" x14ac:dyDescent="0.3">
      <c r="A27" t="s">
        <v>26</v>
      </c>
      <c r="B27">
        <v>5013</v>
      </c>
    </row>
    <row r="28" spans="1:2" x14ac:dyDescent="0.3">
      <c r="A28" t="s">
        <v>27</v>
      </c>
      <c r="B28">
        <v>4973</v>
      </c>
    </row>
    <row r="29" spans="1:2" x14ac:dyDescent="0.3">
      <c r="A29" t="s">
        <v>28</v>
      </c>
      <c r="B29">
        <v>4890</v>
      </c>
    </row>
    <row r="30" spans="1:2" x14ac:dyDescent="0.3">
      <c r="A30" t="s">
        <v>29</v>
      </c>
      <c r="B30">
        <v>4760</v>
      </c>
    </row>
    <row r="31" spans="1:2" x14ac:dyDescent="0.3">
      <c r="A31" t="s">
        <v>30</v>
      </c>
      <c r="B31">
        <v>4591</v>
      </c>
    </row>
    <row r="32" spans="1:2" x14ac:dyDescent="0.3">
      <c r="A32" t="s">
        <v>31</v>
      </c>
      <c r="B32">
        <v>4387</v>
      </c>
    </row>
    <row r="33" spans="1:2" x14ac:dyDescent="0.3">
      <c r="A33" t="s">
        <v>32</v>
      </c>
      <c r="B33">
        <v>4142</v>
      </c>
    </row>
    <row r="34" spans="1:2" x14ac:dyDescent="0.3">
      <c r="A34" t="s">
        <v>33</v>
      </c>
      <c r="B34">
        <v>3861</v>
      </c>
    </row>
    <row r="35" spans="1:2" x14ac:dyDescent="0.3">
      <c r="A35" t="s">
        <v>34</v>
      </c>
      <c r="B35">
        <v>3550</v>
      </c>
    </row>
    <row r="36" spans="1:2" x14ac:dyDescent="0.3">
      <c r="A36" t="s">
        <v>35</v>
      </c>
      <c r="B36">
        <v>3196</v>
      </c>
    </row>
    <row r="37" spans="1:2" x14ac:dyDescent="0.3">
      <c r="A37" t="s">
        <v>36</v>
      </c>
      <c r="B37">
        <v>2818</v>
      </c>
    </row>
    <row r="38" spans="1:2" x14ac:dyDescent="0.3">
      <c r="A38" t="s">
        <v>37</v>
      </c>
      <c r="B38">
        <v>2417</v>
      </c>
    </row>
    <row r="39" spans="1:2" x14ac:dyDescent="0.3">
      <c r="A39" t="s">
        <v>38</v>
      </c>
      <c r="B39">
        <v>1863</v>
      </c>
    </row>
    <row r="40" spans="1:2" x14ac:dyDescent="0.3">
      <c r="A40" t="s">
        <v>39</v>
      </c>
      <c r="B40">
        <v>504</v>
      </c>
    </row>
    <row r="41" spans="1:2" x14ac:dyDescent="0.3">
      <c r="A41" t="s">
        <v>40</v>
      </c>
      <c r="B41">
        <v>65390</v>
      </c>
    </row>
    <row r="42" spans="1:2" x14ac:dyDescent="0.3">
      <c r="A42" t="s">
        <v>41</v>
      </c>
      <c r="B42">
        <v>65380</v>
      </c>
    </row>
    <row r="43" spans="1:2" x14ac:dyDescent="0.3">
      <c r="A43" t="s">
        <v>42</v>
      </c>
      <c r="B43">
        <v>65378</v>
      </c>
    </row>
    <row r="44" spans="1:2" x14ac:dyDescent="0.3">
      <c r="A44" t="s">
        <v>43</v>
      </c>
      <c r="B44">
        <v>65371</v>
      </c>
    </row>
    <row r="45" spans="1:2" x14ac:dyDescent="0.3">
      <c r="A45" t="s">
        <v>44</v>
      </c>
      <c r="B45">
        <v>65376</v>
      </c>
    </row>
    <row r="46" spans="1:2" x14ac:dyDescent="0.3">
      <c r="A46" t="s">
        <v>45</v>
      </c>
      <c r="B46">
        <v>65381</v>
      </c>
    </row>
    <row r="47" spans="1:2" x14ac:dyDescent="0.3">
      <c r="A47" t="s">
        <v>46</v>
      </c>
      <c r="B47">
        <v>65377</v>
      </c>
    </row>
    <row r="48" spans="1:2" x14ac:dyDescent="0.3">
      <c r="A48" t="s">
        <v>47</v>
      </c>
      <c r="B48">
        <v>65380</v>
      </c>
    </row>
    <row r="49" spans="1:2" x14ac:dyDescent="0.3">
      <c r="A49" t="s">
        <v>48</v>
      </c>
      <c r="B49">
        <v>65381</v>
      </c>
    </row>
    <row r="50" spans="1:2" x14ac:dyDescent="0.3">
      <c r="A50" t="s">
        <v>49</v>
      </c>
      <c r="B50">
        <v>65385</v>
      </c>
    </row>
    <row r="51" spans="1:2" x14ac:dyDescent="0.3">
      <c r="A51" t="s">
        <v>50</v>
      </c>
      <c r="B51">
        <v>65378</v>
      </c>
    </row>
    <row r="52" spans="1:2" x14ac:dyDescent="0.3">
      <c r="A52" t="s">
        <v>51</v>
      </c>
      <c r="B52">
        <v>65373</v>
      </c>
    </row>
    <row r="53" spans="1:2" x14ac:dyDescent="0.3">
      <c r="A53" t="s">
        <v>52</v>
      </c>
      <c r="B53">
        <v>65374</v>
      </c>
    </row>
    <row r="54" spans="1:2" x14ac:dyDescent="0.3">
      <c r="A54" t="s">
        <v>53</v>
      </c>
      <c r="B54">
        <v>65370</v>
      </c>
    </row>
    <row r="55" spans="1:2" x14ac:dyDescent="0.3">
      <c r="A55" t="s">
        <v>54</v>
      </c>
      <c r="B55">
        <v>65363</v>
      </c>
    </row>
    <row r="56" spans="1:2" x14ac:dyDescent="0.3">
      <c r="A56" t="s">
        <v>55</v>
      </c>
      <c r="B56">
        <v>64911</v>
      </c>
    </row>
    <row r="57" spans="1:2" x14ac:dyDescent="0.3">
      <c r="A57" t="s">
        <v>56</v>
      </c>
      <c r="B57">
        <v>62910</v>
      </c>
    </row>
    <row r="58" spans="1:2" x14ac:dyDescent="0.3">
      <c r="A58" t="s">
        <v>57</v>
      </c>
      <c r="B58">
        <v>60629</v>
      </c>
    </row>
    <row r="59" spans="1:2" x14ac:dyDescent="0.3">
      <c r="A59" t="s">
        <v>58</v>
      </c>
      <c r="B59">
        <v>60315</v>
      </c>
    </row>
    <row r="60" spans="1:2" x14ac:dyDescent="0.3">
      <c r="A60" t="s">
        <v>59</v>
      </c>
      <c r="B60">
        <v>60299</v>
      </c>
    </row>
    <row r="61" spans="1:2" x14ac:dyDescent="0.3">
      <c r="A61" t="s">
        <v>60</v>
      </c>
      <c r="B61">
        <v>60512</v>
      </c>
    </row>
    <row r="62" spans="1:2" x14ac:dyDescent="0.3">
      <c r="A62" t="s">
        <v>61</v>
      </c>
      <c r="B62">
        <v>62887</v>
      </c>
    </row>
    <row r="63" spans="1:2" x14ac:dyDescent="0.3">
      <c r="A63" t="s">
        <v>62</v>
      </c>
      <c r="B63">
        <v>65185</v>
      </c>
    </row>
    <row r="64" spans="1:2" x14ac:dyDescent="0.3">
      <c r="A64" t="s">
        <v>63</v>
      </c>
      <c r="B64">
        <v>65382</v>
      </c>
    </row>
    <row r="65" spans="1:2" x14ac:dyDescent="0.3">
      <c r="A65" t="s">
        <v>64</v>
      </c>
      <c r="B65">
        <v>65378</v>
      </c>
    </row>
    <row r="66" spans="1:2" x14ac:dyDescent="0.3">
      <c r="A66" t="s">
        <v>65</v>
      </c>
      <c r="B66">
        <v>65372</v>
      </c>
    </row>
    <row r="67" spans="1:2" x14ac:dyDescent="0.3">
      <c r="A67" t="s">
        <v>66</v>
      </c>
      <c r="B67">
        <v>65374</v>
      </c>
    </row>
    <row r="68" spans="1:2" x14ac:dyDescent="0.3">
      <c r="A68" t="s">
        <v>67</v>
      </c>
      <c r="B68">
        <v>65377</v>
      </c>
    </row>
    <row r="69" spans="1:2" x14ac:dyDescent="0.3">
      <c r="A69" t="s">
        <v>68</v>
      </c>
      <c r="B69">
        <v>65379</v>
      </c>
    </row>
    <row r="70" spans="1:2" x14ac:dyDescent="0.3">
      <c r="A70" t="s">
        <v>69</v>
      </c>
      <c r="B70">
        <v>65383</v>
      </c>
    </row>
    <row r="71" spans="1:2" x14ac:dyDescent="0.3">
      <c r="A71" t="s">
        <v>70</v>
      </c>
      <c r="B71">
        <v>65348</v>
      </c>
    </row>
    <row r="72" spans="1:2" x14ac:dyDescent="0.3">
      <c r="A72" t="s">
        <v>71</v>
      </c>
      <c r="B72">
        <v>64501</v>
      </c>
    </row>
    <row r="73" spans="1:2" x14ac:dyDescent="0.3">
      <c r="A73" t="s">
        <v>72</v>
      </c>
      <c r="B73">
        <v>64130</v>
      </c>
    </row>
    <row r="74" spans="1:2" x14ac:dyDescent="0.3">
      <c r="A74" t="s">
        <v>73</v>
      </c>
      <c r="B74">
        <v>65326</v>
      </c>
    </row>
    <row r="75" spans="1:2" x14ac:dyDescent="0.3">
      <c r="A75" t="s">
        <v>74</v>
      </c>
      <c r="B75">
        <v>65533</v>
      </c>
    </row>
    <row r="76" spans="1:2" x14ac:dyDescent="0.3">
      <c r="A76" t="s">
        <v>75</v>
      </c>
      <c r="B76">
        <v>65532</v>
      </c>
    </row>
    <row r="77" spans="1:2" x14ac:dyDescent="0.3">
      <c r="A77" t="s">
        <v>76</v>
      </c>
      <c r="B77">
        <v>0</v>
      </c>
    </row>
    <row r="78" spans="1:2" x14ac:dyDescent="0.3">
      <c r="A78" t="s">
        <v>77</v>
      </c>
      <c r="B78">
        <v>0</v>
      </c>
    </row>
    <row r="79" spans="1:2" x14ac:dyDescent="0.3">
      <c r="A79" t="s">
        <v>78</v>
      </c>
      <c r="B79">
        <v>0</v>
      </c>
    </row>
    <row r="80" spans="1:2" x14ac:dyDescent="0.3">
      <c r="A80" t="s">
        <v>79</v>
      </c>
      <c r="B80">
        <v>65534</v>
      </c>
    </row>
    <row r="81" spans="1:2" x14ac:dyDescent="0.3">
      <c r="A81" t="s">
        <v>80</v>
      </c>
      <c r="B81">
        <v>65534</v>
      </c>
    </row>
    <row r="82" spans="1:2" x14ac:dyDescent="0.3">
      <c r="A82" t="s">
        <v>81</v>
      </c>
      <c r="B82">
        <v>65531</v>
      </c>
    </row>
    <row r="83" spans="1:2" x14ac:dyDescent="0.3">
      <c r="A83" t="s">
        <v>82</v>
      </c>
      <c r="B83">
        <v>65531</v>
      </c>
    </row>
    <row r="84" spans="1:2" x14ac:dyDescent="0.3">
      <c r="A84" t="s">
        <v>83</v>
      </c>
      <c r="B84">
        <v>65528</v>
      </c>
    </row>
    <row r="85" spans="1:2" x14ac:dyDescent="0.3">
      <c r="A85" t="s">
        <v>84</v>
      </c>
      <c r="B85">
        <v>65527</v>
      </c>
    </row>
    <row r="86" spans="1:2" x14ac:dyDescent="0.3">
      <c r="A86" t="s">
        <v>85</v>
      </c>
      <c r="B86">
        <v>65529</v>
      </c>
    </row>
    <row r="87" spans="1:2" x14ac:dyDescent="0.3">
      <c r="A87" t="s">
        <v>86</v>
      </c>
      <c r="B87">
        <v>65532</v>
      </c>
    </row>
    <row r="88" spans="1:2" x14ac:dyDescent="0.3">
      <c r="A88" t="s">
        <v>87</v>
      </c>
      <c r="B88">
        <v>4</v>
      </c>
    </row>
    <row r="89" spans="1:2" x14ac:dyDescent="0.3">
      <c r="A89" t="s">
        <v>88</v>
      </c>
      <c r="B89">
        <v>5</v>
      </c>
    </row>
    <row r="90" spans="1:2" x14ac:dyDescent="0.3">
      <c r="A90" t="s">
        <v>89</v>
      </c>
      <c r="B90">
        <v>121</v>
      </c>
    </row>
    <row r="91" spans="1:2" x14ac:dyDescent="0.3">
      <c r="A91" t="s">
        <v>90</v>
      </c>
      <c r="B91">
        <v>2019</v>
      </c>
    </row>
    <row r="92" spans="1:2" x14ac:dyDescent="0.3">
      <c r="A92" t="s">
        <v>91</v>
      </c>
      <c r="B92">
        <v>4742</v>
      </c>
    </row>
    <row r="93" spans="1:2" x14ac:dyDescent="0.3">
      <c r="A93" t="s">
        <v>92</v>
      </c>
      <c r="B93">
        <v>5016</v>
      </c>
    </row>
    <row r="94" spans="1:2" x14ac:dyDescent="0.3">
      <c r="A94" t="s">
        <v>93</v>
      </c>
      <c r="B94">
        <v>5008</v>
      </c>
    </row>
    <row r="95" spans="1:2" x14ac:dyDescent="0.3">
      <c r="A95" t="s">
        <v>94</v>
      </c>
      <c r="B95">
        <v>4954</v>
      </c>
    </row>
    <row r="96" spans="1:2" x14ac:dyDescent="0.3">
      <c r="A96" t="s">
        <v>95</v>
      </c>
      <c r="B96">
        <v>4852</v>
      </c>
    </row>
    <row r="97" spans="1:2" x14ac:dyDescent="0.3">
      <c r="A97" t="s">
        <v>96</v>
      </c>
      <c r="B97">
        <v>4709</v>
      </c>
    </row>
    <row r="98" spans="1:2" x14ac:dyDescent="0.3">
      <c r="A98" t="s">
        <v>97</v>
      </c>
      <c r="B98">
        <v>4529</v>
      </c>
    </row>
    <row r="99" spans="1:2" x14ac:dyDescent="0.3">
      <c r="A99" t="s">
        <v>98</v>
      </c>
      <c r="B99">
        <v>4310</v>
      </c>
    </row>
    <row r="100" spans="1:2" x14ac:dyDescent="0.3">
      <c r="A100" t="s">
        <v>99</v>
      </c>
      <c r="B100">
        <v>4048</v>
      </c>
    </row>
    <row r="102" spans="1:2" x14ac:dyDescent="0.3">
      <c r="A102" t="s">
        <v>100</v>
      </c>
      <c r="B102">
        <v>3753</v>
      </c>
    </row>
    <row r="103" spans="1:2" x14ac:dyDescent="0.3">
      <c r="A103" t="s">
        <v>101</v>
      </c>
      <c r="B103">
        <v>3423</v>
      </c>
    </row>
    <row r="104" spans="1:2" x14ac:dyDescent="0.3">
      <c r="A104" t="s">
        <v>102</v>
      </c>
      <c r="B104">
        <v>3065</v>
      </c>
    </row>
    <row r="105" spans="1:2" x14ac:dyDescent="0.3">
      <c r="A105" t="s">
        <v>103</v>
      </c>
      <c r="B105">
        <v>2685</v>
      </c>
    </row>
    <row r="106" spans="1:2" x14ac:dyDescent="0.3">
      <c r="A106" t="s">
        <v>104</v>
      </c>
      <c r="B106">
        <v>2263</v>
      </c>
    </row>
    <row r="107" spans="1:2" x14ac:dyDescent="0.3">
      <c r="A107" t="s">
        <v>105</v>
      </c>
      <c r="B107">
        <v>1426</v>
      </c>
    </row>
    <row r="108" spans="1:2" x14ac:dyDescent="0.3">
      <c r="A108" t="s">
        <v>106</v>
      </c>
      <c r="B108">
        <v>72</v>
      </c>
    </row>
    <row r="109" spans="1:2" x14ac:dyDescent="0.3">
      <c r="A109" t="s">
        <v>107</v>
      </c>
      <c r="B109">
        <v>65379</v>
      </c>
    </row>
    <row r="110" spans="1:2" x14ac:dyDescent="0.3">
      <c r="A110" t="s">
        <v>108</v>
      </c>
      <c r="B110">
        <v>65379</v>
      </c>
    </row>
    <row r="111" spans="1:2" x14ac:dyDescent="0.3">
      <c r="A111" t="s">
        <v>109</v>
      </c>
      <c r="B111">
        <v>65379</v>
      </c>
    </row>
    <row r="112" spans="1:2" x14ac:dyDescent="0.3">
      <c r="A112" t="s">
        <v>110</v>
      </c>
      <c r="B112">
        <v>65378</v>
      </c>
    </row>
    <row r="113" spans="1:2" x14ac:dyDescent="0.3">
      <c r="A113" t="s">
        <v>111</v>
      </c>
      <c r="B113">
        <v>65381</v>
      </c>
    </row>
    <row r="114" spans="1:2" x14ac:dyDescent="0.3">
      <c r="A114" t="s">
        <v>112</v>
      </c>
      <c r="B114">
        <v>65380</v>
      </c>
    </row>
    <row r="115" spans="1:2" x14ac:dyDescent="0.3">
      <c r="A115" t="s">
        <v>113</v>
      </c>
      <c r="B115">
        <v>65381</v>
      </c>
    </row>
    <row r="116" spans="1:2" x14ac:dyDescent="0.3">
      <c r="A116" t="s">
        <v>114</v>
      </c>
      <c r="B116">
        <v>65381</v>
      </c>
    </row>
    <row r="117" spans="1:2" x14ac:dyDescent="0.3">
      <c r="A117" t="s">
        <v>115</v>
      </c>
      <c r="B117">
        <v>65378</v>
      </c>
    </row>
    <row r="118" spans="1:2" x14ac:dyDescent="0.3">
      <c r="A118" t="s">
        <v>116</v>
      </c>
      <c r="B118">
        <v>65376</v>
      </c>
    </row>
    <row r="119" spans="1:2" x14ac:dyDescent="0.3">
      <c r="A119" t="s">
        <v>117</v>
      </c>
      <c r="B119">
        <v>65379</v>
      </c>
    </row>
    <row r="120" spans="1:2" x14ac:dyDescent="0.3">
      <c r="A120" t="s">
        <v>118</v>
      </c>
      <c r="B120">
        <v>65377</v>
      </c>
    </row>
    <row r="121" spans="1:2" x14ac:dyDescent="0.3">
      <c r="A121" t="s">
        <v>119</v>
      </c>
      <c r="B121">
        <v>65381</v>
      </c>
    </row>
    <row r="122" spans="1:2" x14ac:dyDescent="0.3">
      <c r="A122" t="s">
        <v>120</v>
      </c>
      <c r="B122">
        <v>65378</v>
      </c>
    </row>
    <row r="123" spans="1:2" x14ac:dyDescent="0.3">
      <c r="A123" t="s">
        <v>121</v>
      </c>
      <c r="B123">
        <v>65376</v>
      </c>
    </row>
    <row r="124" spans="1:2" x14ac:dyDescent="0.3">
      <c r="A124" t="s">
        <v>122</v>
      </c>
      <c r="B124">
        <v>64976</v>
      </c>
    </row>
    <row r="125" spans="1:2" x14ac:dyDescent="0.3">
      <c r="A125" t="s">
        <v>123</v>
      </c>
      <c r="B125">
        <v>62404</v>
      </c>
    </row>
    <row r="126" spans="1:2" x14ac:dyDescent="0.3">
      <c r="A126" t="s">
        <v>124</v>
      </c>
      <c r="B126">
        <v>60350</v>
      </c>
    </row>
    <row r="127" spans="1:2" x14ac:dyDescent="0.3">
      <c r="A127" t="s">
        <v>125</v>
      </c>
      <c r="B127">
        <v>60303</v>
      </c>
    </row>
    <row r="128" spans="1:2" x14ac:dyDescent="0.3">
      <c r="A128" t="s">
        <v>126</v>
      </c>
      <c r="B128">
        <v>60344</v>
      </c>
    </row>
    <row r="129" spans="1:2" x14ac:dyDescent="0.3">
      <c r="A129" t="s">
        <v>127</v>
      </c>
      <c r="B129">
        <v>61657</v>
      </c>
    </row>
    <row r="130" spans="1:2" x14ac:dyDescent="0.3">
      <c r="A130" t="s">
        <v>128</v>
      </c>
      <c r="B130">
        <v>64684</v>
      </c>
    </row>
    <row r="131" spans="1:2" x14ac:dyDescent="0.3">
      <c r="A131" t="s">
        <v>129</v>
      </c>
      <c r="B131">
        <v>65376</v>
      </c>
    </row>
    <row r="132" spans="1:2" x14ac:dyDescent="0.3">
      <c r="A132" t="s">
        <v>130</v>
      </c>
      <c r="B132">
        <v>65369</v>
      </c>
    </row>
    <row r="133" spans="1:2" x14ac:dyDescent="0.3">
      <c r="A133" t="s">
        <v>131</v>
      </c>
      <c r="B133">
        <v>65377</v>
      </c>
    </row>
    <row r="134" spans="1:2" x14ac:dyDescent="0.3">
      <c r="A134" t="s">
        <v>132</v>
      </c>
      <c r="B134">
        <v>65381</v>
      </c>
    </row>
    <row r="135" spans="1:2" x14ac:dyDescent="0.3">
      <c r="A135" t="s">
        <v>133</v>
      </c>
      <c r="B135">
        <v>65382</v>
      </c>
    </row>
    <row r="136" spans="1:2" x14ac:dyDescent="0.3">
      <c r="A136" t="s">
        <v>134</v>
      </c>
      <c r="B136">
        <v>65384</v>
      </c>
    </row>
    <row r="137" spans="1:2" x14ac:dyDescent="0.3">
      <c r="A137" t="s">
        <v>135</v>
      </c>
      <c r="B137">
        <v>65382</v>
      </c>
    </row>
    <row r="138" spans="1:2" x14ac:dyDescent="0.3">
      <c r="A138" t="s">
        <v>136</v>
      </c>
      <c r="B138">
        <v>65382</v>
      </c>
    </row>
    <row r="139" spans="1:2" x14ac:dyDescent="0.3">
      <c r="A139" t="s">
        <v>137</v>
      </c>
      <c r="B139">
        <v>65220</v>
      </c>
    </row>
    <row r="140" spans="1:2" x14ac:dyDescent="0.3">
      <c r="A140" t="s">
        <v>138</v>
      </c>
      <c r="B140">
        <v>64114</v>
      </c>
    </row>
    <row r="141" spans="1:2" x14ac:dyDescent="0.3">
      <c r="A141" t="s">
        <v>139</v>
      </c>
      <c r="B141">
        <v>64562</v>
      </c>
    </row>
    <row r="142" spans="1:2" x14ac:dyDescent="0.3">
      <c r="A142" t="s">
        <v>140</v>
      </c>
      <c r="B142">
        <v>65476</v>
      </c>
    </row>
    <row r="143" spans="1:2" x14ac:dyDescent="0.3">
      <c r="A143" t="s">
        <v>141</v>
      </c>
      <c r="B143">
        <v>65528</v>
      </c>
    </row>
    <row r="144" spans="1:2" x14ac:dyDescent="0.3">
      <c r="A144" t="s">
        <v>142</v>
      </c>
      <c r="B144">
        <v>65531</v>
      </c>
    </row>
    <row r="145" spans="1:2" x14ac:dyDescent="0.3">
      <c r="A145" t="s">
        <v>143</v>
      </c>
      <c r="B145">
        <v>65530</v>
      </c>
    </row>
    <row r="146" spans="1:2" x14ac:dyDescent="0.3">
      <c r="A146" t="s">
        <v>144</v>
      </c>
      <c r="B146">
        <v>65531</v>
      </c>
    </row>
    <row r="147" spans="1:2" x14ac:dyDescent="0.3">
      <c r="A147" t="s">
        <v>145</v>
      </c>
      <c r="B147">
        <v>65531</v>
      </c>
    </row>
    <row r="148" spans="1:2" x14ac:dyDescent="0.3">
      <c r="A148" t="s">
        <v>146</v>
      </c>
      <c r="B148">
        <v>0</v>
      </c>
    </row>
    <row r="149" spans="1:2" x14ac:dyDescent="0.3">
      <c r="A149" t="s">
        <v>147</v>
      </c>
      <c r="B149">
        <v>65534</v>
      </c>
    </row>
    <row r="150" spans="1:2" x14ac:dyDescent="0.3">
      <c r="A150" t="s">
        <v>148</v>
      </c>
      <c r="B150">
        <v>65529</v>
      </c>
    </row>
    <row r="151" spans="1:2" x14ac:dyDescent="0.3">
      <c r="A151" t="s">
        <v>149</v>
      </c>
      <c r="B151">
        <v>65533</v>
      </c>
    </row>
    <row r="152" spans="1:2" x14ac:dyDescent="0.3">
      <c r="A152" t="s">
        <v>150</v>
      </c>
      <c r="B152">
        <v>65532</v>
      </c>
    </row>
    <row r="153" spans="1:2" x14ac:dyDescent="0.3">
      <c r="A153" t="s">
        <v>151</v>
      </c>
      <c r="B153">
        <v>65533</v>
      </c>
    </row>
    <row r="154" spans="1:2" x14ac:dyDescent="0.3">
      <c r="A154" t="s">
        <v>152</v>
      </c>
      <c r="B154">
        <v>0</v>
      </c>
    </row>
    <row r="155" spans="1:2" x14ac:dyDescent="0.3">
      <c r="A155" t="s">
        <v>153</v>
      </c>
      <c r="B155">
        <v>1</v>
      </c>
    </row>
    <row r="156" spans="1:2" x14ac:dyDescent="0.3">
      <c r="A156" t="s">
        <v>154</v>
      </c>
      <c r="B156">
        <v>1</v>
      </c>
    </row>
    <row r="157" spans="1:2" x14ac:dyDescent="0.3">
      <c r="A157" t="s">
        <v>155</v>
      </c>
      <c r="B157">
        <v>15</v>
      </c>
    </row>
    <row r="158" spans="1:2" x14ac:dyDescent="0.3">
      <c r="A158" t="s">
        <v>156</v>
      </c>
      <c r="B158">
        <v>531</v>
      </c>
    </row>
    <row r="159" spans="1:2" x14ac:dyDescent="0.3">
      <c r="A159" t="s">
        <v>157</v>
      </c>
      <c r="B159">
        <v>3483</v>
      </c>
    </row>
    <row r="160" spans="1:2" x14ac:dyDescent="0.3">
      <c r="A160" t="s">
        <v>158</v>
      </c>
      <c r="B160">
        <v>5008</v>
      </c>
    </row>
    <row r="161" spans="1:2" x14ac:dyDescent="0.3">
      <c r="A161" t="s">
        <v>159</v>
      </c>
      <c r="B161">
        <v>5014</v>
      </c>
    </row>
    <row r="162" spans="1:2" x14ac:dyDescent="0.3">
      <c r="A162" t="s">
        <v>160</v>
      </c>
      <c r="B162">
        <v>4991</v>
      </c>
    </row>
    <row r="163" spans="1:2" x14ac:dyDescent="0.3">
      <c r="A163" t="s">
        <v>161</v>
      </c>
      <c r="B163">
        <v>4919</v>
      </c>
    </row>
    <row r="164" spans="1:2" x14ac:dyDescent="0.3">
      <c r="A164" t="s">
        <v>162</v>
      </c>
      <c r="B164">
        <v>4807</v>
      </c>
    </row>
    <row r="165" spans="1:2" x14ac:dyDescent="0.3">
      <c r="A165" t="s">
        <v>163</v>
      </c>
      <c r="B165">
        <v>4650</v>
      </c>
    </row>
    <row r="166" spans="1:2" x14ac:dyDescent="0.3">
      <c r="A166" t="s">
        <v>164</v>
      </c>
      <c r="B166">
        <v>4453</v>
      </c>
    </row>
    <row r="167" spans="1:2" x14ac:dyDescent="0.3">
      <c r="A167" t="s">
        <v>165</v>
      </c>
      <c r="B167">
        <v>4221</v>
      </c>
    </row>
    <row r="168" spans="1:2" x14ac:dyDescent="0.3">
      <c r="A168" t="s">
        <v>166</v>
      </c>
      <c r="B168">
        <v>3945</v>
      </c>
    </row>
    <row r="169" spans="1:2" x14ac:dyDescent="0.3">
      <c r="A169" t="s">
        <v>167</v>
      </c>
      <c r="B169">
        <v>3648</v>
      </c>
    </row>
    <row r="170" spans="1:2" x14ac:dyDescent="0.3">
      <c r="A170" t="s">
        <v>168</v>
      </c>
      <c r="B170">
        <v>3305</v>
      </c>
    </row>
    <row r="171" spans="1:2" x14ac:dyDescent="0.3">
      <c r="A171" t="s">
        <v>169</v>
      </c>
      <c r="B171">
        <v>2939</v>
      </c>
    </row>
    <row r="172" spans="1:2" x14ac:dyDescent="0.3">
      <c r="A172" t="s">
        <v>170</v>
      </c>
      <c r="B172">
        <v>2541</v>
      </c>
    </row>
    <row r="173" spans="1:2" x14ac:dyDescent="0.3">
      <c r="A173" t="s">
        <v>171</v>
      </c>
      <c r="B173">
        <v>2076</v>
      </c>
    </row>
    <row r="174" spans="1:2" x14ac:dyDescent="0.3">
      <c r="A174" t="s">
        <v>172</v>
      </c>
      <c r="B174">
        <v>894</v>
      </c>
    </row>
    <row r="175" spans="1:2" x14ac:dyDescent="0.3">
      <c r="A175" t="s">
        <v>173</v>
      </c>
      <c r="B175">
        <v>65428</v>
      </c>
    </row>
    <row r="176" spans="1:2" x14ac:dyDescent="0.3">
      <c r="A176" t="s">
        <v>174</v>
      </c>
      <c r="B176">
        <v>65375</v>
      </c>
    </row>
    <row r="177" spans="1:2" x14ac:dyDescent="0.3">
      <c r="A177" t="s">
        <v>175</v>
      </c>
      <c r="B177">
        <v>65376</v>
      </c>
    </row>
    <row r="178" spans="1:2" x14ac:dyDescent="0.3">
      <c r="A178" t="s">
        <v>176</v>
      </c>
      <c r="B178">
        <v>65382</v>
      </c>
    </row>
    <row r="179" spans="1:2" x14ac:dyDescent="0.3">
      <c r="A179" t="s">
        <v>177</v>
      </c>
      <c r="B179">
        <v>65381</v>
      </c>
    </row>
    <row r="180" spans="1:2" x14ac:dyDescent="0.3">
      <c r="A180" t="s">
        <v>178</v>
      </c>
      <c r="B180">
        <v>65378</v>
      </c>
    </row>
    <row r="181" spans="1:2" x14ac:dyDescent="0.3">
      <c r="A181" t="s">
        <v>179</v>
      </c>
      <c r="B181">
        <v>65377</v>
      </c>
    </row>
    <row r="182" spans="1:2" x14ac:dyDescent="0.3">
      <c r="A182" t="s">
        <v>180</v>
      </c>
      <c r="B182">
        <v>65380</v>
      </c>
    </row>
    <row r="183" spans="1:2" x14ac:dyDescent="0.3">
      <c r="A183" t="s">
        <v>181</v>
      </c>
      <c r="B183">
        <v>65376</v>
      </c>
    </row>
    <row r="184" spans="1:2" x14ac:dyDescent="0.3">
      <c r="A184" t="s">
        <v>182</v>
      </c>
      <c r="B184">
        <v>65380</v>
      </c>
    </row>
    <row r="185" spans="1:2" x14ac:dyDescent="0.3">
      <c r="A185" t="s">
        <v>183</v>
      </c>
      <c r="B185">
        <v>65380</v>
      </c>
    </row>
    <row r="186" spans="1:2" x14ac:dyDescent="0.3">
      <c r="A186" t="s">
        <v>184</v>
      </c>
      <c r="B186">
        <v>65377</v>
      </c>
    </row>
    <row r="187" spans="1:2" x14ac:dyDescent="0.3">
      <c r="A187" t="s">
        <v>185</v>
      </c>
      <c r="B187">
        <v>65379</v>
      </c>
    </row>
    <row r="188" spans="1:2" x14ac:dyDescent="0.3">
      <c r="A188" t="s">
        <v>186</v>
      </c>
      <c r="B188">
        <v>65374</v>
      </c>
    </row>
    <row r="189" spans="1:2" x14ac:dyDescent="0.3">
      <c r="A189" t="s">
        <v>187</v>
      </c>
      <c r="B189">
        <v>65368</v>
      </c>
    </row>
    <row r="190" spans="1:2" x14ac:dyDescent="0.3">
      <c r="A190" t="s">
        <v>188</v>
      </c>
      <c r="B190">
        <v>65143</v>
      </c>
    </row>
    <row r="191" spans="1:2" x14ac:dyDescent="0.3">
      <c r="A191" t="s">
        <v>189</v>
      </c>
      <c r="B191">
        <v>63608</v>
      </c>
    </row>
    <row r="192" spans="1:2" x14ac:dyDescent="0.3">
      <c r="A192" t="s">
        <v>190</v>
      </c>
      <c r="B192">
        <v>61071</v>
      </c>
    </row>
    <row r="193" spans="1:2" x14ac:dyDescent="0.3">
      <c r="A193" t="s">
        <v>191</v>
      </c>
      <c r="B193">
        <v>60337</v>
      </c>
    </row>
    <row r="194" spans="1:2" x14ac:dyDescent="0.3">
      <c r="A194" t="s">
        <v>192</v>
      </c>
      <c r="B194">
        <v>60301</v>
      </c>
    </row>
    <row r="195" spans="1:2" x14ac:dyDescent="0.3">
      <c r="A195" t="s">
        <v>193</v>
      </c>
      <c r="B195">
        <v>60348</v>
      </c>
    </row>
    <row r="196" spans="1:2" x14ac:dyDescent="0.3">
      <c r="A196" t="s">
        <v>194</v>
      </c>
      <c r="B196">
        <v>61932</v>
      </c>
    </row>
    <row r="197" spans="1:2" x14ac:dyDescent="0.3">
      <c r="A197" t="s">
        <v>195</v>
      </c>
      <c r="B197">
        <v>64851</v>
      </c>
    </row>
    <row r="198" spans="1:2" x14ac:dyDescent="0.3">
      <c r="A198" t="s">
        <v>196</v>
      </c>
      <c r="B198">
        <v>65375</v>
      </c>
    </row>
    <row r="199" spans="1:2" x14ac:dyDescent="0.3">
      <c r="A199" t="s">
        <v>197</v>
      </c>
      <c r="B199">
        <v>65377</v>
      </c>
    </row>
    <row r="200" spans="1:2" x14ac:dyDescent="0.3">
      <c r="A200" t="s">
        <v>198</v>
      </c>
      <c r="B200">
        <v>65376</v>
      </c>
    </row>
    <row r="201" spans="1:2" x14ac:dyDescent="0.3">
      <c r="A201" t="s">
        <v>199</v>
      </c>
      <c r="B201">
        <v>65379</v>
      </c>
    </row>
  </sheetData>
  <pageMargins left="0.7" right="0.7" top="0.75" bottom="0.75" header="0.3" footer="0.3"/>
  <drawing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6AB8551-F2B3-4E21-A487-5C33FBCBC33B}">
  <dimension ref="A1:B1000"/>
  <sheetViews>
    <sheetView workbookViewId="0">
      <selection activeCell="C1" sqref="C1:C1048576"/>
    </sheetView>
  </sheetViews>
  <sheetFormatPr defaultRowHeight="13.2" x14ac:dyDescent="0.3"/>
  <sheetData>
    <row r="1" spans="1:2" x14ac:dyDescent="0.3">
      <c r="A1" t="s">
        <v>0</v>
      </c>
      <c r="B1">
        <v>1136</v>
      </c>
    </row>
    <row r="2" spans="1:2" x14ac:dyDescent="0.3">
      <c r="A2" t="s">
        <v>1</v>
      </c>
      <c r="B2">
        <v>1596</v>
      </c>
    </row>
    <row r="3" spans="1:2" x14ac:dyDescent="0.3">
      <c r="A3" t="s">
        <v>2</v>
      </c>
      <c r="B3">
        <v>2030</v>
      </c>
    </row>
    <row r="4" spans="1:2" x14ac:dyDescent="0.3">
      <c r="A4" t="s">
        <v>3</v>
      </c>
      <c r="B4">
        <v>2452</v>
      </c>
    </row>
    <row r="5" spans="1:2" x14ac:dyDescent="0.3">
      <c r="A5" t="s">
        <v>4</v>
      </c>
      <c r="B5">
        <v>2849</v>
      </c>
    </row>
    <row r="6" spans="1:2" x14ac:dyDescent="0.3">
      <c r="A6" t="s">
        <v>5</v>
      </c>
      <c r="B6">
        <v>3231</v>
      </c>
    </row>
    <row r="7" spans="1:2" x14ac:dyDescent="0.3">
      <c r="A7" t="s">
        <v>6</v>
      </c>
      <c r="B7">
        <v>3571</v>
      </c>
    </row>
    <row r="8" spans="1:2" x14ac:dyDescent="0.3">
      <c r="A8" t="s">
        <v>7</v>
      </c>
      <c r="B8">
        <v>3879</v>
      </c>
    </row>
    <row r="9" spans="1:2" x14ac:dyDescent="0.3">
      <c r="A9" t="s">
        <v>8</v>
      </c>
      <c r="B9">
        <v>4155</v>
      </c>
    </row>
    <row r="10" spans="1:2" x14ac:dyDescent="0.3">
      <c r="A10" t="s">
        <v>9</v>
      </c>
      <c r="B10">
        <v>4399</v>
      </c>
    </row>
    <row r="11" spans="1:2" x14ac:dyDescent="0.3">
      <c r="A11" t="s">
        <v>10</v>
      </c>
      <c r="B11">
        <v>4593</v>
      </c>
    </row>
    <row r="12" spans="1:2" x14ac:dyDescent="0.3">
      <c r="A12" t="s">
        <v>11</v>
      </c>
      <c r="B12">
        <v>4748</v>
      </c>
    </row>
    <row r="13" spans="1:2" x14ac:dyDescent="0.3">
      <c r="A13" t="s">
        <v>12</v>
      </c>
      <c r="B13">
        <v>4857</v>
      </c>
    </row>
    <row r="14" spans="1:2" x14ac:dyDescent="0.3">
      <c r="A14" t="s">
        <v>13</v>
      </c>
      <c r="B14">
        <v>4924</v>
      </c>
    </row>
    <row r="15" spans="1:2" x14ac:dyDescent="0.3">
      <c r="A15" t="s">
        <v>14</v>
      </c>
      <c r="B15">
        <v>4953</v>
      </c>
    </row>
    <row r="16" spans="1:2" x14ac:dyDescent="0.3">
      <c r="A16" t="s">
        <v>15</v>
      </c>
      <c r="B16">
        <v>4941</v>
      </c>
    </row>
    <row r="17" spans="1:2" x14ac:dyDescent="0.3">
      <c r="A17" t="s">
        <v>16</v>
      </c>
      <c r="B17">
        <v>4871</v>
      </c>
    </row>
    <row r="18" spans="1:2" x14ac:dyDescent="0.3">
      <c r="A18" t="s">
        <v>17</v>
      </c>
      <c r="B18">
        <v>4760</v>
      </c>
    </row>
    <row r="19" spans="1:2" x14ac:dyDescent="0.3">
      <c r="A19" t="s">
        <v>18</v>
      </c>
      <c r="B19">
        <v>4606</v>
      </c>
    </row>
    <row r="20" spans="1:2" x14ac:dyDescent="0.3">
      <c r="A20" t="s">
        <v>19</v>
      </c>
      <c r="B20">
        <v>4418</v>
      </c>
    </row>
    <row r="21" spans="1:2" x14ac:dyDescent="0.3">
      <c r="A21" t="s">
        <v>20</v>
      </c>
      <c r="B21">
        <v>4193</v>
      </c>
    </row>
    <row r="22" spans="1:2" x14ac:dyDescent="0.3">
      <c r="A22" t="s">
        <v>21</v>
      </c>
      <c r="B22">
        <v>3926</v>
      </c>
    </row>
    <row r="23" spans="1:2" x14ac:dyDescent="0.3">
      <c r="A23" t="s">
        <v>22</v>
      </c>
      <c r="B23">
        <v>3622</v>
      </c>
    </row>
    <row r="24" spans="1:2" x14ac:dyDescent="0.3">
      <c r="A24" t="s">
        <v>23</v>
      </c>
      <c r="B24">
        <v>3282</v>
      </c>
    </row>
    <row r="25" spans="1:2" x14ac:dyDescent="0.3">
      <c r="A25" t="s">
        <v>24</v>
      </c>
      <c r="B25">
        <v>2916</v>
      </c>
    </row>
    <row r="26" spans="1:2" x14ac:dyDescent="0.3">
      <c r="A26" t="s">
        <v>25</v>
      </c>
      <c r="B26">
        <v>2529</v>
      </c>
    </row>
    <row r="27" spans="1:2" x14ac:dyDescent="0.3">
      <c r="A27" t="s">
        <v>26</v>
      </c>
      <c r="B27">
        <v>1694</v>
      </c>
    </row>
    <row r="28" spans="1:2" x14ac:dyDescent="0.3">
      <c r="A28" t="s">
        <v>27</v>
      </c>
      <c r="B28">
        <v>176</v>
      </c>
    </row>
    <row r="29" spans="1:2" x14ac:dyDescent="0.3">
      <c r="A29" t="s">
        <v>28</v>
      </c>
      <c r="B29">
        <v>65381</v>
      </c>
    </row>
    <row r="30" spans="1:2" x14ac:dyDescent="0.3">
      <c r="A30" t="s">
        <v>29</v>
      </c>
      <c r="B30">
        <v>65374</v>
      </c>
    </row>
    <row r="31" spans="1:2" x14ac:dyDescent="0.3">
      <c r="A31" t="s">
        <v>30</v>
      </c>
      <c r="B31">
        <v>65381</v>
      </c>
    </row>
    <row r="32" spans="1:2" x14ac:dyDescent="0.3">
      <c r="A32" t="s">
        <v>31</v>
      </c>
      <c r="B32">
        <v>65387</v>
      </c>
    </row>
    <row r="33" spans="1:2" x14ac:dyDescent="0.3">
      <c r="A33" t="s">
        <v>32</v>
      </c>
      <c r="B33">
        <v>65380</v>
      </c>
    </row>
    <row r="34" spans="1:2" x14ac:dyDescent="0.3">
      <c r="A34" t="s">
        <v>33</v>
      </c>
      <c r="B34">
        <v>65378</v>
      </c>
    </row>
    <row r="35" spans="1:2" x14ac:dyDescent="0.3">
      <c r="A35" t="s">
        <v>34</v>
      </c>
      <c r="B35">
        <v>65382</v>
      </c>
    </row>
    <row r="36" spans="1:2" x14ac:dyDescent="0.3">
      <c r="A36" t="s">
        <v>35</v>
      </c>
      <c r="B36">
        <v>65380</v>
      </c>
    </row>
    <row r="37" spans="1:2" x14ac:dyDescent="0.3">
      <c r="A37" t="s">
        <v>36</v>
      </c>
      <c r="B37">
        <v>65387</v>
      </c>
    </row>
    <row r="38" spans="1:2" x14ac:dyDescent="0.3">
      <c r="A38" t="s">
        <v>37</v>
      </c>
      <c r="B38">
        <v>65378</v>
      </c>
    </row>
    <row r="39" spans="1:2" x14ac:dyDescent="0.3">
      <c r="A39" t="s">
        <v>38</v>
      </c>
      <c r="B39">
        <v>65378</v>
      </c>
    </row>
    <row r="40" spans="1:2" x14ac:dyDescent="0.3">
      <c r="A40" t="s">
        <v>39</v>
      </c>
      <c r="B40">
        <v>65385</v>
      </c>
    </row>
    <row r="41" spans="1:2" x14ac:dyDescent="0.3">
      <c r="A41" t="s">
        <v>40</v>
      </c>
      <c r="B41">
        <v>65385</v>
      </c>
    </row>
    <row r="42" spans="1:2" x14ac:dyDescent="0.3">
      <c r="A42" t="s">
        <v>41</v>
      </c>
      <c r="B42">
        <v>65373</v>
      </c>
    </row>
    <row r="43" spans="1:2" x14ac:dyDescent="0.3">
      <c r="A43" t="s">
        <v>42</v>
      </c>
      <c r="B43">
        <v>65383</v>
      </c>
    </row>
    <row r="44" spans="1:2" x14ac:dyDescent="0.3">
      <c r="A44" t="s">
        <v>43</v>
      </c>
      <c r="B44">
        <v>65383</v>
      </c>
    </row>
    <row r="45" spans="1:2" x14ac:dyDescent="0.3">
      <c r="A45" t="s">
        <v>44</v>
      </c>
      <c r="B45">
        <v>65386</v>
      </c>
    </row>
    <row r="46" spans="1:2" x14ac:dyDescent="0.3">
      <c r="A46" t="s">
        <v>45</v>
      </c>
      <c r="B46">
        <v>65380</v>
      </c>
    </row>
    <row r="47" spans="1:2" x14ac:dyDescent="0.3">
      <c r="A47" t="s">
        <v>46</v>
      </c>
      <c r="B47">
        <v>65381</v>
      </c>
    </row>
    <row r="48" spans="1:2" x14ac:dyDescent="0.3">
      <c r="A48" t="s">
        <v>47</v>
      </c>
      <c r="B48">
        <v>65378</v>
      </c>
    </row>
    <row r="49" spans="1:2" x14ac:dyDescent="0.3">
      <c r="A49" t="s">
        <v>48</v>
      </c>
      <c r="B49">
        <v>65382</v>
      </c>
    </row>
    <row r="50" spans="1:2" x14ac:dyDescent="0.3">
      <c r="A50" t="s">
        <v>49</v>
      </c>
      <c r="B50">
        <v>65377</v>
      </c>
    </row>
    <row r="51" spans="1:2" x14ac:dyDescent="0.3">
      <c r="A51" t="s">
        <v>50</v>
      </c>
      <c r="B51">
        <v>65379</v>
      </c>
    </row>
    <row r="52" spans="1:2" x14ac:dyDescent="0.3">
      <c r="A52" t="s">
        <v>51</v>
      </c>
      <c r="B52">
        <v>65381</v>
      </c>
    </row>
    <row r="53" spans="1:2" x14ac:dyDescent="0.3">
      <c r="A53" t="s">
        <v>52</v>
      </c>
      <c r="B53">
        <v>65375</v>
      </c>
    </row>
    <row r="54" spans="1:2" x14ac:dyDescent="0.3">
      <c r="A54" t="s">
        <v>53</v>
      </c>
      <c r="B54">
        <v>65377</v>
      </c>
    </row>
    <row r="55" spans="1:2" x14ac:dyDescent="0.3">
      <c r="A55" t="s">
        <v>54</v>
      </c>
      <c r="B55">
        <v>65298</v>
      </c>
    </row>
    <row r="56" spans="1:2" x14ac:dyDescent="0.3">
      <c r="A56" t="s">
        <v>55</v>
      </c>
      <c r="B56">
        <v>63482</v>
      </c>
    </row>
    <row r="57" spans="1:2" x14ac:dyDescent="0.3">
      <c r="A57" t="s">
        <v>56</v>
      </c>
      <c r="B57">
        <v>61905</v>
      </c>
    </row>
    <row r="58" spans="1:2" x14ac:dyDescent="0.3">
      <c r="A58" t="s">
        <v>57</v>
      </c>
      <c r="B58">
        <v>62234</v>
      </c>
    </row>
    <row r="59" spans="1:2" x14ac:dyDescent="0.3">
      <c r="A59" t="s">
        <v>58</v>
      </c>
      <c r="B59">
        <v>62623</v>
      </c>
    </row>
    <row r="60" spans="1:2" x14ac:dyDescent="0.3">
      <c r="A60" t="s">
        <v>59</v>
      </c>
      <c r="B60">
        <v>63043</v>
      </c>
    </row>
    <row r="61" spans="1:2" x14ac:dyDescent="0.3">
      <c r="A61" t="s">
        <v>60</v>
      </c>
      <c r="B61">
        <v>63487</v>
      </c>
    </row>
    <row r="62" spans="1:2" x14ac:dyDescent="0.3">
      <c r="A62" t="s">
        <v>61</v>
      </c>
      <c r="B62">
        <v>63952</v>
      </c>
    </row>
    <row r="63" spans="1:2" x14ac:dyDescent="0.3">
      <c r="A63" t="s">
        <v>62</v>
      </c>
      <c r="B63">
        <v>64434</v>
      </c>
    </row>
    <row r="64" spans="1:2" x14ac:dyDescent="0.3">
      <c r="A64" t="s">
        <v>63</v>
      </c>
      <c r="B64">
        <v>64911</v>
      </c>
    </row>
    <row r="65" spans="1:2" x14ac:dyDescent="0.3">
      <c r="A65" t="s">
        <v>64</v>
      </c>
      <c r="B65">
        <v>65397</v>
      </c>
    </row>
    <row r="66" spans="1:2" x14ac:dyDescent="0.3">
      <c r="A66" t="s">
        <v>65</v>
      </c>
      <c r="B66">
        <v>350</v>
      </c>
    </row>
    <row r="67" spans="1:2" x14ac:dyDescent="0.3">
      <c r="A67" t="s">
        <v>66</v>
      </c>
      <c r="B67">
        <v>825</v>
      </c>
    </row>
    <row r="68" spans="1:2" x14ac:dyDescent="0.3">
      <c r="A68" t="s">
        <v>67</v>
      </c>
      <c r="B68">
        <v>1297</v>
      </c>
    </row>
    <row r="69" spans="1:2" x14ac:dyDescent="0.3">
      <c r="A69" t="s">
        <v>68</v>
      </c>
      <c r="B69">
        <v>1747</v>
      </c>
    </row>
    <row r="70" spans="1:2" x14ac:dyDescent="0.3">
      <c r="A70" t="s">
        <v>69</v>
      </c>
      <c r="B70">
        <v>2191</v>
      </c>
    </row>
    <row r="71" spans="1:2" x14ac:dyDescent="0.3">
      <c r="A71" t="s">
        <v>70</v>
      </c>
      <c r="B71">
        <v>2599</v>
      </c>
    </row>
    <row r="72" spans="1:2" x14ac:dyDescent="0.3">
      <c r="A72" t="s">
        <v>71</v>
      </c>
      <c r="B72">
        <v>2990</v>
      </c>
    </row>
    <row r="73" spans="1:2" x14ac:dyDescent="0.3">
      <c r="A73" t="s">
        <v>72</v>
      </c>
      <c r="B73">
        <v>3357</v>
      </c>
    </row>
    <row r="74" spans="1:2" x14ac:dyDescent="0.3">
      <c r="A74" t="s">
        <v>73</v>
      </c>
      <c r="B74">
        <v>3695</v>
      </c>
    </row>
    <row r="75" spans="1:2" x14ac:dyDescent="0.3">
      <c r="A75" t="s">
        <v>74</v>
      </c>
      <c r="B75">
        <v>3986</v>
      </c>
    </row>
    <row r="76" spans="1:2" x14ac:dyDescent="0.3">
      <c r="A76" t="s">
        <v>75</v>
      </c>
      <c r="B76">
        <v>4248</v>
      </c>
    </row>
    <row r="77" spans="1:2" x14ac:dyDescent="0.3">
      <c r="A77" t="s">
        <v>76</v>
      </c>
      <c r="B77">
        <v>4465</v>
      </c>
    </row>
    <row r="78" spans="1:2" x14ac:dyDescent="0.3">
      <c r="A78" t="s">
        <v>77</v>
      </c>
      <c r="B78">
        <v>4647</v>
      </c>
    </row>
    <row r="79" spans="1:2" x14ac:dyDescent="0.3">
      <c r="A79" t="s">
        <v>78</v>
      </c>
      <c r="B79">
        <v>4788</v>
      </c>
    </row>
    <row r="80" spans="1:2" x14ac:dyDescent="0.3">
      <c r="A80" t="s">
        <v>79</v>
      </c>
      <c r="B80">
        <v>4882</v>
      </c>
    </row>
    <row r="81" spans="1:2" x14ac:dyDescent="0.3">
      <c r="A81" t="s">
        <v>80</v>
      </c>
      <c r="B81">
        <v>4943</v>
      </c>
    </row>
    <row r="82" spans="1:2" x14ac:dyDescent="0.3">
      <c r="A82" t="s">
        <v>81</v>
      </c>
      <c r="B82">
        <v>4958</v>
      </c>
    </row>
    <row r="83" spans="1:2" x14ac:dyDescent="0.3">
      <c r="A83" t="s">
        <v>82</v>
      </c>
      <c r="B83">
        <v>4905</v>
      </c>
    </row>
    <row r="84" spans="1:2" x14ac:dyDescent="0.3">
      <c r="A84" t="s">
        <v>83</v>
      </c>
      <c r="B84">
        <v>4827</v>
      </c>
    </row>
    <row r="85" spans="1:2" x14ac:dyDescent="0.3">
      <c r="A85" t="s">
        <v>84</v>
      </c>
      <c r="B85">
        <v>4711</v>
      </c>
    </row>
    <row r="86" spans="1:2" x14ac:dyDescent="0.3">
      <c r="A86" t="s">
        <v>85</v>
      </c>
      <c r="B86">
        <v>4537</v>
      </c>
    </row>
    <row r="87" spans="1:2" x14ac:dyDescent="0.3">
      <c r="A87" t="s">
        <v>86</v>
      </c>
      <c r="B87">
        <v>4332</v>
      </c>
    </row>
    <row r="88" spans="1:2" x14ac:dyDescent="0.3">
      <c r="A88" t="s">
        <v>87</v>
      </c>
      <c r="B88">
        <v>4093</v>
      </c>
    </row>
    <row r="89" spans="1:2" x14ac:dyDescent="0.3">
      <c r="A89" t="s">
        <v>88</v>
      </c>
      <c r="B89">
        <v>3818</v>
      </c>
    </row>
    <row r="90" spans="1:2" x14ac:dyDescent="0.3">
      <c r="A90" t="s">
        <v>89</v>
      </c>
      <c r="B90">
        <v>3510</v>
      </c>
    </row>
    <row r="91" spans="1:2" x14ac:dyDescent="0.3">
      <c r="A91" t="s">
        <v>90</v>
      </c>
      <c r="B91">
        <v>3167</v>
      </c>
    </row>
    <row r="92" spans="1:2" x14ac:dyDescent="0.3">
      <c r="A92" t="s">
        <v>91</v>
      </c>
      <c r="B92">
        <v>2794</v>
      </c>
    </row>
    <row r="93" spans="1:2" x14ac:dyDescent="0.3">
      <c r="A93" t="s">
        <v>92</v>
      </c>
      <c r="B93">
        <v>2356</v>
      </c>
    </row>
    <row r="94" spans="1:2" x14ac:dyDescent="0.3">
      <c r="A94" t="s">
        <v>93</v>
      </c>
      <c r="B94">
        <v>1114</v>
      </c>
    </row>
    <row r="95" spans="1:2" x14ac:dyDescent="0.3">
      <c r="A95" t="s">
        <v>94</v>
      </c>
      <c r="B95">
        <v>65463</v>
      </c>
    </row>
    <row r="96" spans="1:2" x14ac:dyDescent="0.3">
      <c r="A96" t="s">
        <v>95</v>
      </c>
      <c r="B96">
        <v>65379</v>
      </c>
    </row>
    <row r="97" spans="1:2" x14ac:dyDescent="0.3">
      <c r="A97" t="s">
        <v>96</v>
      </c>
      <c r="B97">
        <v>65386</v>
      </c>
    </row>
    <row r="98" spans="1:2" x14ac:dyDescent="0.3">
      <c r="A98" t="s">
        <v>97</v>
      </c>
      <c r="B98">
        <v>65382</v>
      </c>
    </row>
    <row r="99" spans="1:2" x14ac:dyDescent="0.3">
      <c r="A99" t="s">
        <v>98</v>
      </c>
      <c r="B99">
        <v>65383</v>
      </c>
    </row>
    <row r="100" spans="1:2" x14ac:dyDescent="0.3">
      <c r="A100" t="s">
        <v>99</v>
      </c>
      <c r="B100">
        <v>65379</v>
      </c>
    </row>
    <row r="101" spans="1:2" x14ac:dyDescent="0.3">
      <c r="A101" t="s">
        <v>100</v>
      </c>
      <c r="B101">
        <v>65380</v>
      </c>
    </row>
    <row r="102" spans="1:2" x14ac:dyDescent="0.3">
      <c r="A102" t="s">
        <v>101</v>
      </c>
      <c r="B102">
        <v>65386</v>
      </c>
    </row>
    <row r="103" spans="1:2" x14ac:dyDescent="0.3">
      <c r="A103" t="s">
        <v>102</v>
      </c>
      <c r="B103">
        <v>65379</v>
      </c>
    </row>
    <row r="104" spans="1:2" x14ac:dyDescent="0.3">
      <c r="A104" t="s">
        <v>103</v>
      </c>
      <c r="B104">
        <v>65387</v>
      </c>
    </row>
    <row r="105" spans="1:2" x14ac:dyDescent="0.3">
      <c r="A105" t="s">
        <v>104</v>
      </c>
      <c r="B105">
        <v>65397</v>
      </c>
    </row>
    <row r="106" spans="1:2" x14ac:dyDescent="0.3">
      <c r="A106" t="s">
        <v>105</v>
      </c>
      <c r="B106">
        <v>65387</v>
      </c>
    </row>
    <row r="107" spans="1:2" x14ac:dyDescent="0.3">
      <c r="A107" t="s">
        <v>106</v>
      </c>
      <c r="B107">
        <v>65374</v>
      </c>
    </row>
    <row r="108" spans="1:2" x14ac:dyDescent="0.3">
      <c r="A108" t="s">
        <v>107</v>
      </c>
      <c r="B108">
        <v>65373</v>
      </c>
    </row>
    <row r="109" spans="1:2" x14ac:dyDescent="0.3">
      <c r="A109" t="s">
        <v>108</v>
      </c>
      <c r="B109">
        <v>65372</v>
      </c>
    </row>
    <row r="110" spans="1:2" x14ac:dyDescent="0.3">
      <c r="A110" t="s">
        <v>109</v>
      </c>
      <c r="B110">
        <v>65375</v>
      </c>
    </row>
    <row r="111" spans="1:2" x14ac:dyDescent="0.3">
      <c r="A111" t="s">
        <v>110</v>
      </c>
      <c r="B111">
        <v>65378</v>
      </c>
    </row>
    <row r="112" spans="1:2" x14ac:dyDescent="0.3">
      <c r="A112" t="s">
        <v>111</v>
      </c>
      <c r="B112">
        <v>65378</v>
      </c>
    </row>
    <row r="113" spans="1:2" x14ac:dyDescent="0.3">
      <c r="A113" t="s">
        <v>112</v>
      </c>
      <c r="B113">
        <v>65377</v>
      </c>
    </row>
    <row r="114" spans="1:2" x14ac:dyDescent="0.3">
      <c r="A114" t="s">
        <v>113</v>
      </c>
      <c r="B114">
        <v>65384</v>
      </c>
    </row>
    <row r="115" spans="1:2" x14ac:dyDescent="0.3">
      <c r="A115" t="s">
        <v>114</v>
      </c>
      <c r="B115">
        <v>65387</v>
      </c>
    </row>
    <row r="116" spans="1:2" x14ac:dyDescent="0.3">
      <c r="A116" t="s">
        <v>115</v>
      </c>
      <c r="B116">
        <v>65380</v>
      </c>
    </row>
    <row r="117" spans="1:2" x14ac:dyDescent="0.3">
      <c r="A117" t="s">
        <v>116</v>
      </c>
      <c r="B117">
        <v>65381</v>
      </c>
    </row>
    <row r="118" spans="1:2" x14ac:dyDescent="0.3">
      <c r="A118" t="s">
        <v>117</v>
      </c>
      <c r="B118">
        <v>65384</v>
      </c>
    </row>
    <row r="119" spans="1:2" x14ac:dyDescent="0.3">
      <c r="A119" t="s">
        <v>118</v>
      </c>
      <c r="B119">
        <v>65383</v>
      </c>
    </row>
    <row r="120" spans="1:2" x14ac:dyDescent="0.3">
      <c r="A120" t="s">
        <v>119</v>
      </c>
      <c r="B120">
        <v>65382</v>
      </c>
    </row>
    <row r="121" spans="1:2" x14ac:dyDescent="0.3">
      <c r="A121" t="s">
        <v>120</v>
      </c>
      <c r="B121">
        <v>65385</v>
      </c>
    </row>
    <row r="122" spans="1:2" x14ac:dyDescent="0.3">
      <c r="A122" t="s">
        <v>121</v>
      </c>
      <c r="B122">
        <v>65044</v>
      </c>
    </row>
    <row r="123" spans="1:2" x14ac:dyDescent="0.3">
      <c r="A123" t="s">
        <v>122</v>
      </c>
      <c r="B123">
        <v>62732</v>
      </c>
    </row>
    <row r="124" spans="1:2" x14ac:dyDescent="0.3">
      <c r="A124" t="s">
        <v>123</v>
      </c>
      <c r="B124">
        <v>61988</v>
      </c>
    </row>
    <row r="125" spans="1:2" x14ac:dyDescent="0.3">
      <c r="A125" t="s">
        <v>124</v>
      </c>
      <c r="B125">
        <v>62365</v>
      </c>
    </row>
    <row r="126" spans="1:2" x14ac:dyDescent="0.3">
      <c r="A126" t="s">
        <v>125</v>
      </c>
      <c r="B126">
        <v>62775</v>
      </c>
    </row>
    <row r="127" spans="1:2" x14ac:dyDescent="0.3">
      <c r="A127" t="s">
        <v>126</v>
      </c>
      <c r="B127">
        <v>63206</v>
      </c>
    </row>
    <row r="128" spans="1:2" x14ac:dyDescent="0.3">
      <c r="A128" t="s">
        <v>127</v>
      </c>
      <c r="B128">
        <v>63650</v>
      </c>
    </row>
    <row r="129" spans="1:2" x14ac:dyDescent="0.3">
      <c r="A129" t="s">
        <v>128</v>
      </c>
      <c r="B129">
        <v>64117</v>
      </c>
    </row>
    <row r="130" spans="1:2" x14ac:dyDescent="0.3">
      <c r="A130" t="s">
        <v>129</v>
      </c>
      <c r="B130">
        <v>64597</v>
      </c>
    </row>
    <row r="131" spans="1:2" x14ac:dyDescent="0.3">
      <c r="A131" t="s">
        <v>130</v>
      </c>
      <c r="B131">
        <v>65083</v>
      </c>
    </row>
    <row r="132" spans="1:2" x14ac:dyDescent="0.3">
      <c r="A132" t="s">
        <v>131</v>
      </c>
      <c r="B132">
        <v>39</v>
      </c>
    </row>
    <row r="133" spans="1:2" x14ac:dyDescent="0.3">
      <c r="A133" t="s">
        <v>132</v>
      </c>
      <c r="B133">
        <v>515</v>
      </c>
    </row>
    <row r="134" spans="1:2" x14ac:dyDescent="0.3">
      <c r="A134" t="s">
        <v>133</v>
      </c>
      <c r="B134">
        <v>990</v>
      </c>
    </row>
    <row r="135" spans="1:2" x14ac:dyDescent="0.3">
      <c r="A135" t="s">
        <v>134</v>
      </c>
      <c r="B135">
        <v>1462</v>
      </c>
    </row>
    <row r="136" spans="1:2" x14ac:dyDescent="0.3">
      <c r="A136" t="s">
        <v>135</v>
      </c>
      <c r="B136">
        <v>1904</v>
      </c>
    </row>
    <row r="137" spans="1:2" x14ac:dyDescent="0.3">
      <c r="A137" t="s">
        <v>136</v>
      </c>
      <c r="B137">
        <v>2327</v>
      </c>
    </row>
    <row r="138" spans="1:2" x14ac:dyDescent="0.3">
      <c r="A138" t="s">
        <v>137</v>
      </c>
      <c r="B138">
        <v>2733</v>
      </c>
    </row>
    <row r="139" spans="1:2" x14ac:dyDescent="0.3">
      <c r="A139" t="s">
        <v>138</v>
      </c>
      <c r="B139">
        <v>3111</v>
      </c>
    </row>
    <row r="140" spans="1:2" x14ac:dyDescent="0.3">
      <c r="A140" t="s">
        <v>139</v>
      </c>
      <c r="B140">
        <v>3470</v>
      </c>
    </row>
    <row r="141" spans="1:2" x14ac:dyDescent="0.3">
      <c r="A141" t="s">
        <v>140</v>
      </c>
      <c r="B141">
        <v>3787</v>
      </c>
    </row>
    <row r="142" spans="1:2" x14ac:dyDescent="0.3">
      <c r="A142" t="s">
        <v>141</v>
      </c>
      <c r="B142">
        <v>4073</v>
      </c>
    </row>
    <row r="143" spans="1:2" x14ac:dyDescent="0.3">
      <c r="A143" t="s">
        <v>142</v>
      </c>
      <c r="B143">
        <v>4322</v>
      </c>
    </row>
    <row r="144" spans="1:2" x14ac:dyDescent="0.3">
      <c r="A144" t="s">
        <v>143</v>
      </c>
      <c r="B144">
        <v>4533</v>
      </c>
    </row>
    <row r="145" spans="1:2" x14ac:dyDescent="0.3">
      <c r="A145" t="s">
        <v>144</v>
      </c>
      <c r="B145">
        <v>4702</v>
      </c>
    </row>
    <row r="146" spans="1:2" x14ac:dyDescent="0.3">
      <c r="A146" t="s">
        <v>145</v>
      </c>
      <c r="B146">
        <v>4827</v>
      </c>
    </row>
    <row r="147" spans="1:2" x14ac:dyDescent="0.3">
      <c r="A147" t="s">
        <v>146</v>
      </c>
      <c r="B147">
        <v>4915</v>
      </c>
    </row>
    <row r="148" spans="1:2" x14ac:dyDescent="0.3">
      <c r="A148" t="s">
        <v>147</v>
      </c>
      <c r="B148">
        <v>4954</v>
      </c>
    </row>
    <row r="149" spans="1:2" x14ac:dyDescent="0.3">
      <c r="A149" t="s">
        <v>148</v>
      </c>
      <c r="B149">
        <v>4943</v>
      </c>
    </row>
    <row r="150" spans="1:2" x14ac:dyDescent="0.3">
      <c r="A150" t="s">
        <v>149</v>
      </c>
      <c r="B150">
        <v>4895</v>
      </c>
    </row>
    <row r="151" spans="1:2" x14ac:dyDescent="0.3">
      <c r="A151" t="s">
        <v>150</v>
      </c>
      <c r="B151">
        <v>4800</v>
      </c>
    </row>
    <row r="152" spans="1:2" x14ac:dyDescent="0.3">
      <c r="A152" t="s">
        <v>151</v>
      </c>
      <c r="B152">
        <v>4651</v>
      </c>
    </row>
    <row r="153" spans="1:2" x14ac:dyDescent="0.3">
      <c r="A153" t="s">
        <v>152</v>
      </c>
      <c r="B153">
        <v>4480</v>
      </c>
    </row>
    <row r="154" spans="1:2" x14ac:dyDescent="0.3">
      <c r="A154" t="s">
        <v>153</v>
      </c>
      <c r="B154">
        <v>4258</v>
      </c>
    </row>
    <row r="155" spans="1:2" x14ac:dyDescent="0.3">
      <c r="A155" t="s">
        <v>154</v>
      </c>
      <c r="B155">
        <v>3993</v>
      </c>
    </row>
    <row r="156" spans="1:2" x14ac:dyDescent="0.3">
      <c r="A156" t="s">
        <v>155</v>
      </c>
      <c r="B156">
        <v>3710</v>
      </c>
    </row>
    <row r="157" spans="1:2" x14ac:dyDescent="0.3">
      <c r="A157" t="s">
        <v>156</v>
      </c>
      <c r="B157">
        <v>3392</v>
      </c>
    </row>
    <row r="158" spans="1:2" x14ac:dyDescent="0.3">
      <c r="A158" t="s">
        <v>157</v>
      </c>
      <c r="B158">
        <v>3033</v>
      </c>
    </row>
    <row r="159" spans="1:2" x14ac:dyDescent="0.3">
      <c r="A159" t="s">
        <v>158</v>
      </c>
      <c r="B159">
        <v>2637</v>
      </c>
    </row>
    <row r="160" spans="1:2" x14ac:dyDescent="0.3">
      <c r="A160" t="s">
        <v>159</v>
      </c>
      <c r="B160">
        <v>2036</v>
      </c>
    </row>
    <row r="161" spans="1:2" x14ac:dyDescent="0.3">
      <c r="A161" t="s">
        <v>160</v>
      </c>
      <c r="B161">
        <v>464</v>
      </c>
    </row>
    <row r="162" spans="1:2" x14ac:dyDescent="0.3">
      <c r="A162" t="s">
        <v>161</v>
      </c>
      <c r="B162">
        <v>65386</v>
      </c>
    </row>
    <row r="163" spans="1:2" x14ac:dyDescent="0.3">
      <c r="A163" t="s">
        <v>162</v>
      </c>
      <c r="B163">
        <v>65387</v>
      </c>
    </row>
    <row r="164" spans="1:2" x14ac:dyDescent="0.3">
      <c r="A164" t="s">
        <v>163</v>
      </c>
      <c r="B164">
        <v>65385</v>
      </c>
    </row>
    <row r="165" spans="1:2" x14ac:dyDescent="0.3">
      <c r="A165" t="s">
        <v>164</v>
      </c>
      <c r="B165">
        <v>65382</v>
      </c>
    </row>
    <row r="166" spans="1:2" x14ac:dyDescent="0.3">
      <c r="A166" t="s">
        <v>165</v>
      </c>
      <c r="B166">
        <v>65388</v>
      </c>
    </row>
    <row r="167" spans="1:2" x14ac:dyDescent="0.3">
      <c r="A167" t="s">
        <v>166</v>
      </c>
      <c r="B167">
        <v>65381</v>
      </c>
    </row>
    <row r="168" spans="1:2" x14ac:dyDescent="0.3">
      <c r="A168" t="s">
        <v>167</v>
      </c>
      <c r="B168">
        <v>65381</v>
      </c>
    </row>
    <row r="169" spans="1:2" x14ac:dyDescent="0.3">
      <c r="A169" t="s">
        <v>168</v>
      </c>
      <c r="B169">
        <v>65390</v>
      </c>
    </row>
    <row r="170" spans="1:2" x14ac:dyDescent="0.3">
      <c r="A170" t="s">
        <v>169</v>
      </c>
      <c r="B170">
        <v>65383</v>
      </c>
    </row>
    <row r="171" spans="1:2" x14ac:dyDescent="0.3">
      <c r="A171" t="s">
        <v>170</v>
      </c>
      <c r="B171">
        <v>65388</v>
      </c>
    </row>
    <row r="172" spans="1:2" x14ac:dyDescent="0.3">
      <c r="A172" t="s">
        <v>171</v>
      </c>
      <c r="B172">
        <v>65386</v>
      </c>
    </row>
    <row r="173" spans="1:2" x14ac:dyDescent="0.3">
      <c r="A173" t="s">
        <v>172</v>
      </c>
      <c r="B173">
        <v>65391</v>
      </c>
    </row>
    <row r="174" spans="1:2" x14ac:dyDescent="0.3">
      <c r="A174" t="s">
        <v>173</v>
      </c>
      <c r="B174">
        <v>65390</v>
      </c>
    </row>
    <row r="175" spans="1:2" x14ac:dyDescent="0.3">
      <c r="A175" t="s">
        <v>174</v>
      </c>
      <c r="B175">
        <v>65385</v>
      </c>
    </row>
    <row r="176" spans="1:2" x14ac:dyDescent="0.3">
      <c r="A176" t="s">
        <v>175</v>
      </c>
      <c r="B176">
        <v>65394</v>
      </c>
    </row>
    <row r="177" spans="1:2" x14ac:dyDescent="0.3">
      <c r="A177" t="s">
        <v>176</v>
      </c>
      <c r="B177">
        <v>65385</v>
      </c>
    </row>
    <row r="178" spans="1:2" x14ac:dyDescent="0.3">
      <c r="A178" t="s">
        <v>177</v>
      </c>
      <c r="B178">
        <v>65380</v>
      </c>
    </row>
    <row r="179" spans="1:2" x14ac:dyDescent="0.3">
      <c r="A179" t="s">
        <v>178</v>
      </c>
      <c r="B179">
        <v>65382</v>
      </c>
    </row>
    <row r="180" spans="1:2" x14ac:dyDescent="0.3">
      <c r="A180" t="s">
        <v>179</v>
      </c>
      <c r="B180">
        <v>65378</v>
      </c>
    </row>
    <row r="181" spans="1:2" x14ac:dyDescent="0.3">
      <c r="A181" t="s">
        <v>180</v>
      </c>
      <c r="B181">
        <v>65378</v>
      </c>
    </row>
    <row r="182" spans="1:2" x14ac:dyDescent="0.3">
      <c r="A182" t="s">
        <v>181</v>
      </c>
      <c r="B182">
        <v>65380</v>
      </c>
    </row>
    <row r="183" spans="1:2" x14ac:dyDescent="0.3">
      <c r="A183" t="s">
        <v>182</v>
      </c>
      <c r="B183">
        <v>65378</v>
      </c>
    </row>
    <row r="184" spans="1:2" x14ac:dyDescent="0.3">
      <c r="A184" t="s">
        <v>183</v>
      </c>
      <c r="B184">
        <v>65391</v>
      </c>
    </row>
    <row r="185" spans="1:2" x14ac:dyDescent="0.3">
      <c r="A185" t="s">
        <v>184</v>
      </c>
      <c r="B185">
        <v>65382</v>
      </c>
    </row>
    <row r="186" spans="1:2" x14ac:dyDescent="0.3">
      <c r="A186" t="s">
        <v>185</v>
      </c>
      <c r="B186">
        <v>65382</v>
      </c>
    </row>
    <row r="187" spans="1:2" x14ac:dyDescent="0.3">
      <c r="A187" t="s">
        <v>186</v>
      </c>
      <c r="B187">
        <v>65386</v>
      </c>
    </row>
    <row r="188" spans="1:2" x14ac:dyDescent="0.3">
      <c r="A188" t="s">
        <v>187</v>
      </c>
      <c r="B188">
        <v>65373</v>
      </c>
    </row>
    <row r="189" spans="1:2" x14ac:dyDescent="0.3">
      <c r="A189" t="s">
        <v>188</v>
      </c>
      <c r="B189">
        <v>64263</v>
      </c>
    </row>
    <row r="190" spans="1:2" x14ac:dyDescent="0.3">
      <c r="A190" t="s">
        <v>189</v>
      </c>
      <c r="B190">
        <v>62002</v>
      </c>
    </row>
    <row r="191" spans="1:2" x14ac:dyDescent="0.3">
      <c r="A191" t="s">
        <v>190</v>
      </c>
      <c r="B191">
        <v>62113</v>
      </c>
    </row>
    <row r="192" spans="1:2" x14ac:dyDescent="0.3">
      <c r="A192" t="s">
        <v>191</v>
      </c>
      <c r="B192">
        <v>62506</v>
      </c>
    </row>
    <row r="193" spans="1:2" x14ac:dyDescent="0.3">
      <c r="A193" t="s">
        <v>192</v>
      </c>
      <c r="B193">
        <v>62918</v>
      </c>
    </row>
    <row r="194" spans="1:2" x14ac:dyDescent="0.3">
      <c r="A194" t="s">
        <v>193</v>
      </c>
      <c r="B194">
        <v>63363</v>
      </c>
    </row>
    <row r="195" spans="1:2" x14ac:dyDescent="0.3">
      <c r="A195" t="s">
        <v>194</v>
      </c>
      <c r="B195">
        <v>63830</v>
      </c>
    </row>
    <row r="196" spans="1:2" x14ac:dyDescent="0.3">
      <c r="A196" t="s">
        <v>195</v>
      </c>
      <c r="B196">
        <v>64297</v>
      </c>
    </row>
    <row r="197" spans="1:2" x14ac:dyDescent="0.3">
      <c r="A197" t="s">
        <v>196</v>
      </c>
      <c r="B197">
        <v>64772</v>
      </c>
    </row>
    <row r="198" spans="1:2" x14ac:dyDescent="0.3">
      <c r="A198" t="s">
        <v>197</v>
      </c>
      <c r="B198">
        <v>65258</v>
      </c>
    </row>
    <row r="199" spans="1:2" x14ac:dyDescent="0.3">
      <c r="A199" t="s">
        <v>198</v>
      </c>
      <c r="B199">
        <v>214</v>
      </c>
    </row>
    <row r="200" spans="1:2" x14ac:dyDescent="0.3">
      <c r="A200" t="s">
        <v>199</v>
      </c>
      <c r="B200">
        <v>694</v>
      </c>
    </row>
    <row r="201" spans="1:2" x14ac:dyDescent="0.3">
      <c r="A201" t="s">
        <v>200</v>
      </c>
      <c r="B201">
        <v>1163</v>
      </c>
    </row>
    <row r="202" spans="1:2" x14ac:dyDescent="0.3">
      <c r="A202" t="s">
        <v>201</v>
      </c>
      <c r="B202">
        <v>1616</v>
      </c>
    </row>
    <row r="203" spans="1:2" x14ac:dyDescent="0.3">
      <c r="A203" t="s">
        <v>202</v>
      </c>
      <c r="B203">
        <v>2055</v>
      </c>
    </row>
    <row r="204" spans="1:2" x14ac:dyDescent="0.3">
      <c r="A204" t="s">
        <v>203</v>
      </c>
      <c r="B204">
        <v>2482</v>
      </c>
    </row>
    <row r="205" spans="1:2" x14ac:dyDescent="0.3">
      <c r="A205" t="s">
        <v>204</v>
      </c>
      <c r="B205">
        <v>2883</v>
      </c>
    </row>
    <row r="206" spans="1:2" x14ac:dyDescent="0.3">
      <c r="A206" t="s">
        <v>205</v>
      </c>
      <c r="B206">
        <v>3258</v>
      </c>
    </row>
    <row r="207" spans="1:2" x14ac:dyDescent="0.3">
      <c r="A207" t="s">
        <v>206</v>
      </c>
      <c r="B207">
        <v>3591</v>
      </c>
    </row>
    <row r="208" spans="1:2" x14ac:dyDescent="0.3">
      <c r="A208" t="s">
        <v>207</v>
      </c>
      <c r="B208">
        <v>3901</v>
      </c>
    </row>
    <row r="209" spans="1:2" x14ac:dyDescent="0.3">
      <c r="A209" t="s">
        <v>208</v>
      </c>
      <c r="B209">
        <v>4171</v>
      </c>
    </row>
    <row r="210" spans="1:2" x14ac:dyDescent="0.3">
      <c r="A210" t="s">
        <v>209</v>
      </c>
      <c r="B210">
        <v>4400</v>
      </c>
    </row>
    <row r="211" spans="1:2" x14ac:dyDescent="0.3">
      <c r="A211" t="s">
        <v>210</v>
      </c>
      <c r="B211">
        <v>4599</v>
      </c>
    </row>
    <row r="212" spans="1:2" x14ac:dyDescent="0.3">
      <c r="A212" t="s">
        <v>211</v>
      </c>
      <c r="B212">
        <v>4757</v>
      </c>
    </row>
    <row r="213" spans="1:2" x14ac:dyDescent="0.3">
      <c r="A213" t="s">
        <v>212</v>
      </c>
      <c r="B213">
        <v>4863</v>
      </c>
    </row>
    <row r="214" spans="1:2" x14ac:dyDescent="0.3">
      <c r="A214" t="s">
        <v>213</v>
      </c>
      <c r="B214">
        <v>4926</v>
      </c>
    </row>
    <row r="215" spans="1:2" x14ac:dyDescent="0.3">
      <c r="A215" t="s">
        <v>214</v>
      </c>
      <c r="B215">
        <v>4959</v>
      </c>
    </row>
    <row r="216" spans="1:2" x14ac:dyDescent="0.3">
      <c r="A216" t="s">
        <v>215</v>
      </c>
      <c r="B216">
        <v>4933</v>
      </c>
    </row>
    <row r="217" spans="1:2" x14ac:dyDescent="0.3">
      <c r="A217" t="s">
        <v>216</v>
      </c>
      <c r="B217">
        <v>4870</v>
      </c>
    </row>
    <row r="218" spans="1:2" x14ac:dyDescent="0.3">
      <c r="A218" t="s">
        <v>217</v>
      </c>
      <c r="B218">
        <v>4757</v>
      </c>
    </row>
    <row r="219" spans="1:2" x14ac:dyDescent="0.3">
      <c r="A219" t="s">
        <v>218</v>
      </c>
      <c r="B219">
        <v>4594</v>
      </c>
    </row>
    <row r="220" spans="1:2" x14ac:dyDescent="0.3">
      <c r="A220" t="s">
        <v>219</v>
      </c>
      <c r="B220">
        <v>4404</v>
      </c>
    </row>
    <row r="221" spans="1:2" x14ac:dyDescent="0.3">
      <c r="A221" t="s">
        <v>220</v>
      </c>
      <c r="B221">
        <v>4178</v>
      </c>
    </row>
    <row r="222" spans="1:2" x14ac:dyDescent="0.3">
      <c r="A222" t="s">
        <v>221</v>
      </c>
      <c r="B222">
        <v>3897</v>
      </c>
    </row>
    <row r="223" spans="1:2" x14ac:dyDescent="0.3">
      <c r="A223" t="s">
        <v>222</v>
      </c>
      <c r="B223">
        <v>3595</v>
      </c>
    </row>
    <row r="224" spans="1:2" x14ac:dyDescent="0.3">
      <c r="A224" t="s">
        <v>223</v>
      </c>
      <c r="B224">
        <v>3257</v>
      </c>
    </row>
    <row r="225" spans="1:2" x14ac:dyDescent="0.3">
      <c r="A225" t="s">
        <v>224</v>
      </c>
      <c r="B225">
        <v>2901</v>
      </c>
    </row>
    <row r="226" spans="1:2" x14ac:dyDescent="0.3">
      <c r="A226" t="s">
        <v>225</v>
      </c>
      <c r="B226">
        <v>2496</v>
      </c>
    </row>
    <row r="227" spans="1:2" x14ac:dyDescent="0.3">
      <c r="A227" t="s">
        <v>226</v>
      </c>
      <c r="B227">
        <v>1509</v>
      </c>
    </row>
    <row r="228" spans="1:2" x14ac:dyDescent="0.3">
      <c r="A228" t="s">
        <v>227</v>
      </c>
      <c r="B228">
        <v>51</v>
      </c>
    </row>
    <row r="229" spans="1:2" x14ac:dyDescent="0.3">
      <c r="A229" t="s">
        <v>228</v>
      </c>
      <c r="B229">
        <v>65383</v>
      </c>
    </row>
    <row r="230" spans="1:2" x14ac:dyDescent="0.3">
      <c r="A230" t="s">
        <v>229</v>
      </c>
      <c r="B230">
        <v>65381</v>
      </c>
    </row>
    <row r="231" spans="1:2" x14ac:dyDescent="0.3">
      <c r="A231" t="s">
        <v>230</v>
      </c>
      <c r="B231">
        <v>65380</v>
      </c>
    </row>
    <row r="232" spans="1:2" x14ac:dyDescent="0.3">
      <c r="A232" t="s">
        <v>231</v>
      </c>
      <c r="B232">
        <v>65394</v>
      </c>
    </row>
    <row r="233" spans="1:2" x14ac:dyDescent="0.3">
      <c r="A233" t="s">
        <v>232</v>
      </c>
      <c r="B233">
        <v>65388</v>
      </c>
    </row>
    <row r="234" spans="1:2" x14ac:dyDescent="0.3">
      <c r="A234" t="s">
        <v>233</v>
      </c>
      <c r="B234">
        <v>65384</v>
      </c>
    </row>
    <row r="235" spans="1:2" x14ac:dyDescent="0.3">
      <c r="A235" t="s">
        <v>234</v>
      </c>
      <c r="B235">
        <v>65387</v>
      </c>
    </row>
    <row r="236" spans="1:2" x14ac:dyDescent="0.3">
      <c r="A236" t="s">
        <v>235</v>
      </c>
      <c r="B236">
        <v>65385</v>
      </c>
    </row>
    <row r="237" spans="1:2" x14ac:dyDescent="0.3">
      <c r="A237" t="s">
        <v>236</v>
      </c>
      <c r="B237">
        <v>65380</v>
      </c>
    </row>
    <row r="238" spans="1:2" x14ac:dyDescent="0.3">
      <c r="A238" t="s">
        <v>237</v>
      </c>
      <c r="B238">
        <v>65381</v>
      </c>
    </row>
    <row r="239" spans="1:2" x14ac:dyDescent="0.3">
      <c r="A239" t="s">
        <v>238</v>
      </c>
      <c r="B239">
        <v>65384</v>
      </c>
    </row>
    <row r="240" spans="1:2" x14ac:dyDescent="0.3">
      <c r="A240" t="s">
        <v>239</v>
      </c>
      <c r="B240">
        <v>65387</v>
      </c>
    </row>
    <row r="241" spans="1:2" x14ac:dyDescent="0.3">
      <c r="A241" t="s">
        <v>240</v>
      </c>
      <c r="B241">
        <v>65383</v>
      </c>
    </row>
    <row r="242" spans="1:2" x14ac:dyDescent="0.3">
      <c r="A242" t="s">
        <v>241</v>
      </c>
      <c r="B242">
        <v>65369</v>
      </c>
    </row>
    <row r="243" spans="1:2" x14ac:dyDescent="0.3">
      <c r="A243" t="s">
        <v>242</v>
      </c>
      <c r="B243">
        <v>65373</v>
      </c>
    </row>
    <row r="244" spans="1:2" x14ac:dyDescent="0.3">
      <c r="A244" t="s">
        <v>243</v>
      </c>
      <c r="B244">
        <v>65392</v>
      </c>
    </row>
    <row r="245" spans="1:2" x14ac:dyDescent="0.3">
      <c r="A245" t="s">
        <v>244</v>
      </c>
      <c r="B245">
        <v>65395</v>
      </c>
    </row>
    <row r="246" spans="1:2" x14ac:dyDescent="0.3">
      <c r="A246" t="s">
        <v>245</v>
      </c>
      <c r="B246">
        <v>65382</v>
      </c>
    </row>
    <row r="247" spans="1:2" x14ac:dyDescent="0.3">
      <c r="A247" t="s">
        <v>246</v>
      </c>
      <c r="B247">
        <v>65381</v>
      </c>
    </row>
    <row r="248" spans="1:2" x14ac:dyDescent="0.3">
      <c r="A248" t="s">
        <v>247</v>
      </c>
      <c r="B248">
        <v>65385</v>
      </c>
    </row>
    <row r="249" spans="1:2" x14ac:dyDescent="0.3">
      <c r="A249" t="s">
        <v>248</v>
      </c>
      <c r="B249">
        <v>65371</v>
      </c>
    </row>
    <row r="250" spans="1:2" x14ac:dyDescent="0.3">
      <c r="A250" t="s">
        <v>249</v>
      </c>
      <c r="B250">
        <v>65367</v>
      </c>
    </row>
    <row r="251" spans="1:2" x14ac:dyDescent="0.3">
      <c r="A251" t="s">
        <v>250</v>
      </c>
      <c r="B251">
        <v>65381</v>
      </c>
    </row>
    <row r="252" spans="1:2" x14ac:dyDescent="0.3">
      <c r="A252" t="s">
        <v>251</v>
      </c>
      <c r="B252">
        <v>65382</v>
      </c>
    </row>
    <row r="253" spans="1:2" x14ac:dyDescent="0.3">
      <c r="A253" t="s">
        <v>252</v>
      </c>
      <c r="B253">
        <v>65379</v>
      </c>
    </row>
    <row r="254" spans="1:2" x14ac:dyDescent="0.3">
      <c r="A254" t="s">
        <v>253</v>
      </c>
      <c r="B254">
        <v>65384</v>
      </c>
    </row>
    <row r="255" spans="1:2" x14ac:dyDescent="0.3">
      <c r="A255" t="s">
        <v>254</v>
      </c>
      <c r="B255">
        <v>65170</v>
      </c>
    </row>
    <row r="256" spans="1:2" x14ac:dyDescent="0.3">
      <c r="A256" t="s">
        <v>255</v>
      </c>
      <c r="B256">
        <v>63056</v>
      </c>
    </row>
    <row r="257" spans="1:2" x14ac:dyDescent="0.3">
      <c r="A257" t="s">
        <v>256</v>
      </c>
      <c r="B257">
        <v>61895</v>
      </c>
    </row>
    <row r="258" spans="1:2" x14ac:dyDescent="0.3">
      <c r="A258" t="s">
        <v>257</v>
      </c>
      <c r="B258">
        <v>62243</v>
      </c>
    </row>
    <row r="259" spans="1:2" x14ac:dyDescent="0.3">
      <c r="A259" t="s">
        <v>258</v>
      </c>
      <c r="B259">
        <v>62649</v>
      </c>
    </row>
    <row r="260" spans="1:2" x14ac:dyDescent="0.3">
      <c r="A260" t="s">
        <v>259</v>
      </c>
      <c r="B260">
        <v>63077</v>
      </c>
    </row>
    <row r="261" spans="1:2" x14ac:dyDescent="0.3">
      <c r="A261" t="s">
        <v>260</v>
      </c>
      <c r="B261">
        <v>63521</v>
      </c>
    </row>
    <row r="262" spans="1:2" x14ac:dyDescent="0.3">
      <c r="A262" t="s">
        <v>261</v>
      </c>
      <c r="B262">
        <v>63990</v>
      </c>
    </row>
    <row r="263" spans="1:2" x14ac:dyDescent="0.3">
      <c r="A263" t="s">
        <v>262</v>
      </c>
      <c r="B263">
        <v>64468</v>
      </c>
    </row>
    <row r="264" spans="1:2" x14ac:dyDescent="0.3">
      <c r="A264" t="s">
        <v>263</v>
      </c>
      <c r="B264">
        <v>64930</v>
      </c>
    </row>
    <row r="265" spans="1:2" x14ac:dyDescent="0.3">
      <c r="A265" t="s">
        <v>264</v>
      </c>
      <c r="B265">
        <v>65426</v>
      </c>
    </row>
    <row r="266" spans="1:2" x14ac:dyDescent="0.3">
      <c r="A266" t="s">
        <v>265</v>
      </c>
      <c r="B266">
        <v>388</v>
      </c>
    </row>
    <row r="267" spans="1:2" x14ac:dyDescent="0.3">
      <c r="A267" t="s">
        <v>266</v>
      </c>
      <c r="B267">
        <v>872</v>
      </c>
    </row>
    <row r="268" spans="1:2" x14ac:dyDescent="0.3">
      <c r="A268" t="s">
        <v>267</v>
      </c>
      <c r="B268">
        <v>1336</v>
      </c>
    </row>
    <row r="269" spans="1:2" x14ac:dyDescent="0.3">
      <c r="A269" t="s">
        <v>268</v>
      </c>
      <c r="B269">
        <v>1772</v>
      </c>
    </row>
    <row r="270" spans="1:2" x14ac:dyDescent="0.3">
      <c r="A270" t="s">
        <v>269</v>
      </c>
      <c r="B270">
        <v>2215</v>
      </c>
    </row>
    <row r="271" spans="1:2" x14ac:dyDescent="0.3">
      <c r="A271" t="s">
        <v>270</v>
      </c>
      <c r="B271">
        <v>2627</v>
      </c>
    </row>
    <row r="272" spans="1:2" x14ac:dyDescent="0.3">
      <c r="A272" t="s">
        <v>271</v>
      </c>
      <c r="B272">
        <v>3014</v>
      </c>
    </row>
    <row r="273" spans="1:2" x14ac:dyDescent="0.3">
      <c r="A273" t="s">
        <v>272</v>
      </c>
      <c r="B273">
        <v>3377</v>
      </c>
    </row>
    <row r="274" spans="1:2" x14ac:dyDescent="0.3">
      <c r="A274" t="s">
        <v>273</v>
      </c>
      <c r="B274">
        <v>3711</v>
      </c>
    </row>
    <row r="275" spans="1:2" x14ac:dyDescent="0.3">
      <c r="A275" t="s">
        <v>274</v>
      </c>
      <c r="B275">
        <v>4001</v>
      </c>
    </row>
    <row r="276" spans="1:2" x14ac:dyDescent="0.3">
      <c r="A276" t="s">
        <v>275</v>
      </c>
      <c r="B276">
        <v>4266</v>
      </c>
    </row>
    <row r="277" spans="1:2" x14ac:dyDescent="0.3">
      <c r="A277" t="s">
        <v>276</v>
      </c>
      <c r="B277">
        <v>4470</v>
      </c>
    </row>
    <row r="278" spans="1:2" x14ac:dyDescent="0.3">
      <c r="A278" t="s">
        <v>277</v>
      </c>
      <c r="B278">
        <v>4649</v>
      </c>
    </row>
    <row r="279" spans="1:2" x14ac:dyDescent="0.3">
      <c r="A279" t="s">
        <v>278</v>
      </c>
      <c r="B279">
        <v>4791</v>
      </c>
    </row>
    <row r="280" spans="1:2" x14ac:dyDescent="0.3">
      <c r="A280" t="s">
        <v>279</v>
      </c>
      <c r="B280">
        <v>4888</v>
      </c>
    </row>
    <row r="281" spans="1:2" x14ac:dyDescent="0.3">
      <c r="A281" t="s">
        <v>280</v>
      </c>
      <c r="B281">
        <v>4947</v>
      </c>
    </row>
    <row r="282" spans="1:2" x14ac:dyDescent="0.3">
      <c r="A282" t="s">
        <v>281</v>
      </c>
      <c r="B282">
        <v>4947</v>
      </c>
    </row>
    <row r="283" spans="1:2" x14ac:dyDescent="0.3">
      <c r="A283" t="s">
        <v>282</v>
      </c>
      <c r="B283">
        <v>4896</v>
      </c>
    </row>
    <row r="284" spans="1:2" x14ac:dyDescent="0.3">
      <c r="A284" t="s">
        <v>283</v>
      </c>
      <c r="B284">
        <v>4821</v>
      </c>
    </row>
    <row r="285" spans="1:2" x14ac:dyDescent="0.3">
      <c r="A285" t="s">
        <v>284</v>
      </c>
      <c r="B285">
        <v>4705</v>
      </c>
    </row>
    <row r="286" spans="1:2" x14ac:dyDescent="0.3">
      <c r="A286" t="s">
        <v>285</v>
      </c>
      <c r="B286">
        <v>4542</v>
      </c>
    </row>
    <row r="287" spans="1:2" x14ac:dyDescent="0.3">
      <c r="A287" t="s">
        <v>286</v>
      </c>
      <c r="B287">
        <v>4332</v>
      </c>
    </row>
    <row r="288" spans="1:2" x14ac:dyDescent="0.3">
      <c r="A288" t="s">
        <v>287</v>
      </c>
      <c r="B288">
        <v>4082</v>
      </c>
    </row>
    <row r="289" spans="1:2" x14ac:dyDescent="0.3">
      <c r="A289" t="s">
        <v>288</v>
      </c>
      <c r="B289">
        <v>3811</v>
      </c>
    </row>
    <row r="290" spans="1:2" x14ac:dyDescent="0.3">
      <c r="A290" t="s">
        <v>289</v>
      </c>
      <c r="B290">
        <v>3499</v>
      </c>
    </row>
    <row r="291" spans="1:2" x14ac:dyDescent="0.3">
      <c r="A291" t="s">
        <v>290</v>
      </c>
      <c r="B291">
        <v>3137</v>
      </c>
    </row>
    <row r="292" spans="1:2" x14ac:dyDescent="0.3">
      <c r="A292" t="s">
        <v>291</v>
      </c>
      <c r="B292">
        <v>2762</v>
      </c>
    </row>
    <row r="293" spans="1:2" x14ac:dyDescent="0.3">
      <c r="A293" t="s">
        <v>292</v>
      </c>
      <c r="B293">
        <v>2170</v>
      </c>
    </row>
    <row r="294" spans="1:2" x14ac:dyDescent="0.3">
      <c r="A294" t="s">
        <v>293</v>
      </c>
      <c r="B294">
        <v>615</v>
      </c>
    </row>
    <row r="295" spans="1:2" x14ac:dyDescent="0.3">
      <c r="A295" t="s">
        <v>294</v>
      </c>
      <c r="B295">
        <v>65400</v>
      </c>
    </row>
    <row r="296" spans="1:2" x14ac:dyDescent="0.3">
      <c r="A296" t="s">
        <v>295</v>
      </c>
      <c r="B296">
        <v>65388</v>
      </c>
    </row>
    <row r="297" spans="1:2" x14ac:dyDescent="0.3">
      <c r="A297" t="s">
        <v>296</v>
      </c>
      <c r="B297">
        <v>65379</v>
      </c>
    </row>
    <row r="298" spans="1:2" x14ac:dyDescent="0.3">
      <c r="A298" t="s">
        <v>297</v>
      </c>
      <c r="B298">
        <v>65386</v>
      </c>
    </row>
    <row r="299" spans="1:2" x14ac:dyDescent="0.3">
      <c r="A299" t="s">
        <v>298</v>
      </c>
      <c r="B299">
        <v>65386</v>
      </c>
    </row>
    <row r="300" spans="1:2" x14ac:dyDescent="0.3">
      <c r="A300" t="s">
        <v>299</v>
      </c>
      <c r="B300">
        <v>65391</v>
      </c>
    </row>
    <row r="301" spans="1:2" x14ac:dyDescent="0.3">
      <c r="A301" t="s">
        <v>300</v>
      </c>
      <c r="B301">
        <v>65389</v>
      </c>
    </row>
    <row r="302" spans="1:2" x14ac:dyDescent="0.3">
      <c r="A302" t="s">
        <v>301</v>
      </c>
      <c r="B302">
        <v>65387</v>
      </c>
    </row>
    <row r="303" spans="1:2" x14ac:dyDescent="0.3">
      <c r="A303" t="s">
        <v>302</v>
      </c>
      <c r="B303">
        <v>65387</v>
      </c>
    </row>
    <row r="304" spans="1:2" x14ac:dyDescent="0.3">
      <c r="A304" t="s">
        <v>303</v>
      </c>
      <c r="B304">
        <v>65380</v>
      </c>
    </row>
    <row r="305" spans="1:2" x14ac:dyDescent="0.3">
      <c r="A305" t="s">
        <v>304</v>
      </c>
      <c r="B305">
        <v>65372</v>
      </c>
    </row>
    <row r="306" spans="1:2" x14ac:dyDescent="0.3">
      <c r="A306" t="s">
        <v>305</v>
      </c>
      <c r="B306">
        <v>65387</v>
      </c>
    </row>
    <row r="307" spans="1:2" x14ac:dyDescent="0.3">
      <c r="A307" t="s">
        <v>306</v>
      </c>
      <c r="B307">
        <v>65384</v>
      </c>
    </row>
    <row r="308" spans="1:2" x14ac:dyDescent="0.3">
      <c r="A308" t="s">
        <v>307</v>
      </c>
      <c r="B308">
        <v>65382</v>
      </c>
    </row>
    <row r="309" spans="1:2" x14ac:dyDescent="0.3">
      <c r="A309" t="s">
        <v>308</v>
      </c>
      <c r="B309">
        <v>65387</v>
      </c>
    </row>
    <row r="310" spans="1:2" x14ac:dyDescent="0.3">
      <c r="A310" t="s">
        <v>309</v>
      </c>
      <c r="B310">
        <v>65377</v>
      </c>
    </row>
    <row r="311" spans="1:2" x14ac:dyDescent="0.3">
      <c r="A311" t="s">
        <v>310</v>
      </c>
      <c r="B311">
        <v>65381</v>
      </c>
    </row>
    <row r="312" spans="1:2" x14ac:dyDescent="0.3">
      <c r="A312" t="s">
        <v>311</v>
      </c>
      <c r="B312">
        <v>65365</v>
      </c>
    </row>
    <row r="313" spans="1:2" x14ac:dyDescent="0.3">
      <c r="A313" t="s">
        <v>312</v>
      </c>
      <c r="B313">
        <v>65362</v>
      </c>
    </row>
    <row r="314" spans="1:2" x14ac:dyDescent="0.3">
      <c r="A314" t="s">
        <v>313</v>
      </c>
      <c r="B314">
        <v>65372</v>
      </c>
    </row>
    <row r="315" spans="1:2" x14ac:dyDescent="0.3">
      <c r="A315" t="s">
        <v>314</v>
      </c>
      <c r="B315">
        <v>65379</v>
      </c>
    </row>
    <row r="316" spans="1:2" x14ac:dyDescent="0.3">
      <c r="A316" t="s">
        <v>315</v>
      </c>
      <c r="B316">
        <v>65385</v>
      </c>
    </row>
    <row r="317" spans="1:2" x14ac:dyDescent="0.3">
      <c r="A317" t="s">
        <v>316</v>
      </c>
      <c r="B317">
        <v>65384</v>
      </c>
    </row>
    <row r="318" spans="1:2" x14ac:dyDescent="0.3">
      <c r="A318" t="s">
        <v>317</v>
      </c>
      <c r="B318">
        <v>65383</v>
      </c>
    </row>
    <row r="319" spans="1:2" x14ac:dyDescent="0.3">
      <c r="A319" t="s">
        <v>318</v>
      </c>
      <c r="B319">
        <v>65381</v>
      </c>
    </row>
    <row r="320" spans="1:2" x14ac:dyDescent="0.3">
      <c r="A320" t="s">
        <v>319</v>
      </c>
      <c r="B320">
        <v>65381</v>
      </c>
    </row>
    <row r="321" spans="1:2" x14ac:dyDescent="0.3">
      <c r="A321" t="s">
        <v>320</v>
      </c>
      <c r="B321">
        <v>65385</v>
      </c>
    </row>
    <row r="322" spans="1:2" x14ac:dyDescent="0.3">
      <c r="A322" t="s">
        <v>321</v>
      </c>
      <c r="B322">
        <v>64945</v>
      </c>
    </row>
    <row r="323" spans="1:2" x14ac:dyDescent="0.3">
      <c r="A323" t="s">
        <v>322</v>
      </c>
      <c r="B323">
        <v>62478</v>
      </c>
    </row>
    <row r="324" spans="1:2" x14ac:dyDescent="0.3">
      <c r="A324" t="s">
        <v>323</v>
      </c>
      <c r="B324">
        <v>61983</v>
      </c>
    </row>
    <row r="325" spans="1:2" x14ac:dyDescent="0.3">
      <c r="A325" t="s">
        <v>324</v>
      </c>
      <c r="B325">
        <v>62387</v>
      </c>
    </row>
    <row r="326" spans="1:2" x14ac:dyDescent="0.3">
      <c r="A326" t="s">
        <v>325</v>
      </c>
      <c r="B326">
        <v>62790</v>
      </c>
    </row>
    <row r="327" spans="1:2" x14ac:dyDescent="0.3">
      <c r="A327" t="s">
        <v>326</v>
      </c>
      <c r="B327">
        <v>63222</v>
      </c>
    </row>
    <row r="328" spans="1:2" x14ac:dyDescent="0.3">
      <c r="A328" t="s">
        <v>327</v>
      </c>
      <c r="B328">
        <v>63683</v>
      </c>
    </row>
    <row r="329" spans="1:2" x14ac:dyDescent="0.3">
      <c r="A329" t="s">
        <v>328</v>
      </c>
      <c r="B329">
        <v>64145</v>
      </c>
    </row>
    <row r="330" spans="1:2" x14ac:dyDescent="0.3">
      <c r="A330" t="s">
        <v>329</v>
      </c>
      <c r="B330">
        <v>64627</v>
      </c>
    </row>
    <row r="331" spans="1:2" x14ac:dyDescent="0.3">
      <c r="A331" t="s">
        <v>330</v>
      </c>
      <c r="B331">
        <v>65105</v>
      </c>
    </row>
    <row r="332" spans="1:2" x14ac:dyDescent="0.3">
      <c r="A332" t="s">
        <v>331</v>
      </c>
      <c r="B332">
        <v>67</v>
      </c>
    </row>
    <row r="333" spans="1:2" x14ac:dyDescent="0.3">
      <c r="A333" t="s">
        <v>332</v>
      </c>
      <c r="B333">
        <v>555</v>
      </c>
    </row>
    <row r="334" spans="1:2" x14ac:dyDescent="0.3">
      <c r="A334" t="s">
        <v>333</v>
      </c>
      <c r="B334">
        <v>1028</v>
      </c>
    </row>
    <row r="335" spans="1:2" x14ac:dyDescent="0.3">
      <c r="A335" t="s">
        <v>334</v>
      </c>
      <c r="B335">
        <v>1493</v>
      </c>
    </row>
    <row r="336" spans="1:2" x14ac:dyDescent="0.3">
      <c r="A336" t="s">
        <v>335</v>
      </c>
      <c r="B336">
        <v>1928</v>
      </c>
    </row>
    <row r="337" spans="1:2" x14ac:dyDescent="0.3">
      <c r="A337" t="s">
        <v>336</v>
      </c>
      <c r="B337">
        <v>2361</v>
      </c>
    </row>
    <row r="338" spans="1:2" x14ac:dyDescent="0.3">
      <c r="A338" t="s">
        <v>337</v>
      </c>
      <c r="B338">
        <v>2777</v>
      </c>
    </row>
    <row r="339" spans="1:2" x14ac:dyDescent="0.3">
      <c r="A339" t="s">
        <v>338</v>
      </c>
      <c r="B339">
        <v>3138</v>
      </c>
    </row>
    <row r="340" spans="1:2" x14ac:dyDescent="0.3">
      <c r="A340" t="s">
        <v>339</v>
      </c>
      <c r="B340">
        <v>3489</v>
      </c>
    </row>
    <row r="341" spans="1:2" x14ac:dyDescent="0.3">
      <c r="A341" t="s">
        <v>340</v>
      </c>
      <c r="B341">
        <v>3811</v>
      </c>
    </row>
    <row r="342" spans="1:2" x14ac:dyDescent="0.3">
      <c r="A342" t="s">
        <v>341</v>
      </c>
      <c r="B342">
        <v>4089</v>
      </c>
    </row>
    <row r="343" spans="1:2" x14ac:dyDescent="0.3">
      <c r="A343" t="s">
        <v>342</v>
      </c>
      <c r="B343">
        <v>4337</v>
      </c>
    </row>
    <row r="344" spans="1:2" x14ac:dyDescent="0.3">
      <c r="A344" t="s">
        <v>343</v>
      </c>
      <c r="B344">
        <v>4543</v>
      </c>
    </row>
    <row r="345" spans="1:2" x14ac:dyDescent="0.3">
      <c r="A345" t="s">
        <v>344</v>
      </c>
      <c r="B345">
        <v>4708</v>
      </c>
    </row>
    <row r="346" spans="1:2" x14ac:dyDescent="0.3">
      <c r="A346" t="s">
        <v>345</v>
      </c>
      <c r="B346">
        <v>4839</v>
      </c>
    </row>
    <row r="347" spans="1:2" x14ac:dyDescent="0.3">
      <c r="A347" t="s">
        <v>346</v>
      </c>
      <c r="B347">
        <v>4920</v>
      </c>
    </row>
    <row r="348" spans="1:2" x14ac:dyDescent="0.3">
      <c r="A348" t="s">
        <v>347</v>
      </c>
      <c r="B348">
        <v>4959</v>
      </c>
    </row>
    <row r="349" spans="1:2" x14ac:dyDescent="0.3">
      <c r="A349" t="s">
        <v>348</v>
      </c>
      <c r="B349">
        <v>4949</v>
      </c>
    </row>
    <row r="350" spans="1:2" x14ac:dyDescent="0.3">
      <c r="A350" t="s">
        <v>349</v>
      </c>
      <c r="B350">
        <v>4893</v>
      </c>
    </row>
    <row r="351" spans="1:2" x14ac:dyDescent="0.3">
      <c r="A351" t="s">
        <v>350</v>
      </c>
      <c r="B351">
        <v>4781</v>
      </c>
    </row>
    <row r="352" spans="1:2" x14ac:dyDescent="0.3">
      <c r="A352" t="s">
        <v>351</v>
      </c>
      <c r="B352">
        <v>4642</v>
      </c>
    </row>
    <row r="353" spans="1:2" x14ac:dyDescent="0.3">
      <c r="A353" t="s">
        <v>352</v>
      </c>
      <c r="B353">
        <v>4468</v>
      </c>
    </row>
    <row r="354" spans="1:2" x14ac:dyDescent="0.3">
      <c r="A354" t="s">
        <v>353</v>
      </c>
      <c r="B354">
        <v>4246</v>
      </c>
    </row>
    <row r="355" spans="1:2" x14ac:dyDescent="0.3">
      <c r="A355" t="s">
        <v>354</v>
      </c>
      <c r="B355">
        <v>3983</v>
      </c>
    </row>
    <row r="356" spans="1:2" x14ac:dyDescent="0.3">
      <c r="A356" t="s">
        <v>355</v>
      </c>
      <c r="B356">
        <v>3684</v>
      </c>
    </row>
    <row r="357" spans="1:2" x14ac:dyDescent="0.3">
      <c r="A357" t="s">
        <v>356</v>
      </c>
      <c r="B357">
        <v>3365</v>
      </c>
    </row>
    <row r="358" spans="1:2" x14ac:dyDescent="0.3">
      <c r="A358" t="s">
        <v>357</v>
      </c>
      <c r="B358">
        <v>3016</v>
      </c>
    </row>
    <row r="359" spans="1:2" x14ac:dyDescent="0.3">
      <c r="A359" t="s">
        <v>358</v>
      </c>
      <c r="B359">
        <v>2624</v>
      </c>
    </row>
    <row r="360" spans="1:2" x14ac:dyDescent="0.3">
      <c r="A360" t="s">
        <v>359</v>
      </c>
      <c r="B360">
        <v>2019</v>
      </c>
    </row>
    <row r="361" spans="1:2" x14ac:dyDescent="0.3">
      <c r="A361" t="s">
        <v>360</v>
      </c>
      <c r="B361">
        <v>454</v>
      </c>
    </row>
    <row r="362" spans="1:2" x14ac:dyDescent="0.3">
      <c r="A362" t="s">
        <v>361</v>
      </c>
      <c r="B362">
        <v>65387</v>
      </c>
    </row>
    <row r="363" spans="1:2" x14ac:dyDescent="0.3">
      <c r="A363" t="s">
        <v>362</v>
      </c>
      <c r="B363">
        <v>65384</v>
      </c>
    </row>
    <row r="364" spans="1:2" x14ac:dyDescent="0.3">
      <c r="A364" t="s">
        <v>363</v>
      </c>
      <c r="B364">
        <v>65377</v>
      </c>
    </row>
    <row r="365" spans="1:2" x14ac:dyDescent="0.3">
      <c r="A365" t="s">
        <v>364</v>
      </c>
      <c r="B365">
        <v>65377</v>
      </c>
    </row>
    <row r="366" spans="1:2" x14ac:dyDescent="0.3">
      <c r="A366" t="s">
        <v>365</v>
      </c>
      <c r="B366">
        <v>65381</v>
      </c>
    </row>
    <row r="367" spans="1:2" x14ac:dyDescent="0.3">
      <c r="A367" t="s">
        <v>366</v>
      </c>
      <c r="B367">
        <v>65382</v>
      </c>
    </row>
    <row r="368" spans="1:2" x14ac:dyDescent="0.3">
      <c r="A368" t="s">
        <v>367</v>
      </c>
      <c r="B368">
        <v>65380</v>
      </c>
    </row>
    <row r="369" spans="1:2" x14ac:dyDescent="0.3">
      <c r="A369" t="s">
        <v>368</v>
      </c>
      <c r="B369">
        <v>65380</v>
      </c>
    </row>
    <row r="370" spans="1:2" x14ac:dyDescent="0.3">
      <c r="A370" t="s">
        <v>369</v>
      </c>
      <c r="B370">
        <v>65381</v>
      </c>
    </row>
    <row r="371" spans="1:2" x14ac:dyDescent="0.3">
      <c r="A371" t="s">
        <v>370</v>
      </c>
      <c r="B371">
        <v>65376</v>
      </c>
    </row>
    <row r="372" spans="1:2" x14ac:dyDescent="0.3">
      <c r="A372" t="s">
        <v>371</v>
      </c>
      <c r="B372">
        <v>65380</v>
      </c>
    </row>
    <row r="373" spans="1:2" x14ac:dyDescent="0.3">
      <c r="A373" t="s">
        <v>372</v>
      </c>
      <c r="B373">
        <v>65385</v>
      </c>
    </row>
    <row r="374" spans="1:2" x14ac:dyDescent="0.3">
      <c r="A374" t="s">
        <v>373</v>
      </c>
      <c r="B374">
        <v>65395</v>
      </c>
    </row>
    <row r="375" spans="1:2" x14ac:dyDescent="0.3">
      <c r="A375" t="s">
        <v>374</v>
      </c>
      <c r="B375">
        <v>65392</v>
      </c>
    </row>
    <row r="376" spans="1:2" x14ac:dyDescent="0.3">
      <c r="A376" t="s">
        <v>375</v>
      </c>
      <c r="B376">
        <v>65382</v>
      </c>
    </row>
    <row r="377" spans="1:2" x14ac:dyDescent="0.3">
      <c r="A377" t="s">
        <v>376</v>
      </c>
      <c r="B377">
        <v>65388</v>
      </c>
    </row>
    <row r="378" spans="1:2" x14ac:dyDescent="0.3">
      <c r="A378" t="s">
        <v>377</v>
      </c>
      <c r="B378">
        <v>65384</v>
      </c>
    </row>
    <row r="379" spans="1:2" x14ac:dyDescent="0.3">
      <c r="A379" t="s">
        <v>378</v>
      </c>
      <c r="B379">
        <v>65374</v>
      </c>
    </row>
    <row r="380" spans="1:2" x14ac:dyDescent="0.3">
      <c r="A380" t="s">
        <v>379</v>
      </c>
      <c r="B380">
        <v>65379</v>
      </c>
    </row>
    <row r="381" spans="1:2" x14ac:dyDescent="0.3">
      <c r="A381" t="s">
        <v>380</v>
      </c>
      <c r="B381">
        <v>65385</v>
      </c>
    </row>
    <row r="382" spans="1:2" x14ac:dyDescent="0.3">
      <c r="A382" t="s">
        <v>381</v>
      </c>
      <c r="B382">
        <v>65397</v>
      </c>
    </row>
    <row r="383" spans="1:2" x14ac:dyDescent="0.3">
      <c r="A383" t="s">
        <v>382</v>
      </c>
      <c r="B383">
        <v>65390</v>
      </c>
    </row>
    <row r="384" spans="1:2" x14ac:dyDescent="0.3">
      <c r="A384" t="s">
        <v>383</v>
      </c>
      <c r="B384">
        <v>65382</v>
      </c>
    </row>
    <row r="385" spans="1:2" x14ac:dyDescent="0.3">
      <c r="A385" t="s">
        <v>384</v>
      </c>
      <c r="B385">
        <v>65385</v>
      </c>
    </row>
    <row r="386" spans="1:2" x14ac:dyDescent="0.3">
      <c r="A386" t="s">
        <v>385</v>
      </c>
      <c r="B386">
        <v>65382</v>
      </c>
    </row>
    <row r="387" spans="1:2" x14ac:dyDescent="0.3">
      <c r="A387" t="s">
        <v>386</v>
      </c>
      <c r="B387">
        <v>65382</v>
      </c>
    </row>
    <row r="388" spans="1:2" x14ac:dyDescent="0.3">
      <c r="A388" t="s">
        <v>387</v>
      </c>
      <c r="B388">
        <v>65383</v>
      </c>
    </row>
    <row r="389" spans="1:2" x14ac:dyDescent="0.3">
      <c r="A389" t="s">
        <v>388</v>
      </c>
      <c r="B389">
        <v>64548</v>
      </c>
    </row>
    <row r="390" spans="1:2" x14ac:dyDescent="0.3">
      <c r="A390" t="s">
        <v>389</v>
      </c>
      <c r="B390">
        <v>62224</v>
      </c>
    </row>
    <row r="391" spans="1:2" x14ac:dyDescent="0.3">
      <c r="A391" t="s">
        <v>390</v>
      </c>
      <c r="B391">
        <v>62133</v>
      </c>
    </row>
    <row r="392" spans="1:2" x14ac:dyDescent="0.3">
      <c r="A392" t="s">
        <v>391</v>
      </c>
      <c r="B392">
        <v>62532</v>
      </c>
    </row>
    <row r="393" spans="1:2" x14ac:dyDescent="0.3">
      <c r="A393" t="s">
        <v>392</v>
      </c>
      <c r="B393">
        <v>62949</v>
      </c>
    </row>
    <row r="394" spans="1:2" x14ac:dyDescent="0.3">
      <c r="A394" t="s">
        <v>393</v>
      </c>
      <c r="B394">
        <v>63387</v>
      </c>
    </row>
    <row r="395" spans="1:2" x14ac:dyDescent="0.3">
      <c r="A395" t="s">
        <v>394</v>
      </c>
      <c r="B395">
        <v>63846</v>
      </c>
    </row>
    <row r="396" spans="1:2" x14ac:dyDescent="0.3">
      <c r="A396" t="s">
        <v>395</v>
      </c>
      <c r="B396">
        <v>64317</v>
      </c>
    </row>
    <row r="397" spans="1:2" x14ac:dyDescent="0.3">
      <c r="A397" t="s">
        <v>396</v>
      </c>
      <c r="B397">
        <v>64803</v>
      </c>
    </row>
    <row r="398" spans="1:2" x14ac:dyDescent="0.3">
      <c r="A398" t="s">
        <v>397</v>
      </c>
      <c r="B398">
        <v>65282</v>
      </c>
    </row>
    <row r="399" spans="1:2" x14ac:dyDescent="0.3">
      <c r="A399" t="s">
        <v>398</v>
      </c>
      <c r="B399">
        <v>241</v>
      </c>
    </row>
    <row r="400" spans="1:2" x14ac:dyDescent="0.3">
      <c r="A400" t="s">
        <v>399</v>
      </c>
      <c r="B400">
        <v>721</v>
      </c>
    </row>
    <row r="401" spans="1:2" x14ac:dyDescent="0.3">
      <c r="A401" t="s">
        <v>400</v>
      </c>
      <c r="B401">
        <v>1192</v>
      </c>
    </row>
    <row r="402" spans="1:2" x14ac:dyDescent="0.3">
      <c r="A402" t="s">
        <v>401</v>
      </c>
      <c r="B402">
        <v>1638</v>
      </c>
    </row>
    <row r="403" spans="1:2" x14ac:dyDescent="0.3">
      <c r="A403" t="s">
        <v>402</v>
      </c>
      <c r="B403">
        <v>2078</v>
      </c>
    </row>
    <row r="404" spans="1:2" x14ac:dyDescent="0.3">
      <c r="A404" t="s">
        <v>403</v>
      </c>
      <c r="B404">
        <v>2508</v>
      </c>
    </row>
    <row r="405" spans="1:2" x14ac:dyDescent="0.3">
      <c r="A405" t="s">
        <v>404</v>
      </c>
      <c r="B405">
        <v>2906</v>
      </c>
    </row>
    <row r="406" spans="1:2" x14ac:dyDescent="0.3">
      <c r="A406" t="s">
        <v>405</v>
      </c>
      <c r="B406">
        <v>3271</v>
      </c>
    </row>
    <row r="407" spans="1:2" x14ac:dyDescent="0.3">
      <c r="A407" t="s">
        <v>406</v>
      </c>
      <c r="B407">
        <v>3602</v>
      </c>
    </row>
    <row r="408" spans="1:2" x14ac:dyDescent="0.3">
      <c r="A408" t="s">
        <v>407</v>
      </c>
      <c r="B408">
        <v>3917</v>
      </c>
    </row>
    <row r="409" spans="1:2" x14ac:dyDescent="0.3">
      <c r="A409" t="s">
        <v>408</v>
      </c>
      <c r="B409">
        <v>4184</v>
      </c>
    </row>
    <row r="410" spans="1:2" x14ac:dyDescent="0.3">
      <c r="A410" t="s">
        <v>409</v>
      </c>
      <c r="B410">
        <v>4406</v>
      </c>
    </row>
    <row r="411" spans="1:2" x14ac:dyDescent="0.3">
      <c r="A411" t="s">
        <v>410</v>
      </c>
      <c r="B411">
        <v>4601</v>
      </c>
    </row>
    <row r="412" spans="1:2" x14ac:dyDescent="0.3">
      <c r="A412" t="s">
        <v>411</v>
      </c>
      <c r="B412">
        <v>4758</v>
      </c>
    </row>
    <row r="413" spans="1:2" x14ac:dyDescent="0.3">
      <c r="A413" t="s">
        <v>412</v>
      </c>
      <c r="B413">
        <v>4865</v>
      </c>
    </row>
    <row r="414" spans="1:2" x14ac:dyDescent="0.3">
      <c r="A414" t="s">
        <v>413</v>
      </c>
      <c r="B414">
        <v>4927</v>
      </c>
    </row>
    <row r="415" spans="1:2" x14ac:dyDescent="0.3">
      <c r="A415" t="s">
        <v>414</v>
      </c>
      <c r="B415">
        <v>4949</v>
      </c>
    </row>
    <row r="416" spans="1:2" x14ac:dyDescent="0.3">
      <c r="A416" t="s">
        <v>415</v>
      </c>
      <c r="B416">
        <v>4920</v>
      </c>
    </row>
    <row r="417" spans="1:2" x14ac:dyDescent="0.3">
      <c r="A417" t="s">
        <v>416</v>
      </c>
      <c r="B417">
        <v>4844</v>
      </c>
    </row>
    <row r="418" spans="1:2" x14ac:dyDescent="0.3">
      <c r="A418" t="s">
        <v>417</v>
      </c>
      <c r="B418">
        <v>4742</v>
      </c>
    </row>
    <row r="419" spans="1:2" x14ac:dyDescent="0.3">
      <c r="A419" t="s">
        <v>418</v>
      </c>
      <c r="B419">
        <v>4589</v>
      </c>
    </row>
    <row r="420" spans="1:2" x14ac:dyDescent="0.3">
      <c r="A420" t="s">
        <v>419</v>
      </c>
      <c r="B420">
        <v>4388</v>
      </c>
    </row>
    <row r="421" spans="1:2" x14ac:dyDescent="0.3">
      <c r="A421" t="s">
        <v>420</v>
      </c>
      <c r="B421">
        <v>4157</v>
      </c>
    </row>
    <row r="422" spans="1:2" x14ac:dyDescent="0.3">
      <c r="A422" t="s">
        <v>421</v>
      </c>
      <c r="B422">
        <v>3878</v>
      </c>
    </row>
    <row r="423" spans="1:2" x14ac:dyDescent="0.3">
      <c r="A423" t="s">
        <v>422</v>
      </c>
      <c r="B423">
        <v>3578</v>
      </c>
    </row>
    <row r="424" spans="1:2" x14ac:dyDescent="0.3">
      <c r="A424" t="s">
        <v>423</v>
      </c>
      <c r="B424">
        <v>3240</v>
      </c>
    </row>
    <row r="425" spans="1:2" x14ac:dyDescent="0.3">
      <c r="A425" t="s">
        <v>424</v>
      </c>
      <c r="B425">
        <v>2877</v>
      </c>
    </row>
    <row r="426" spans="1:2" x14ac:dyDescent="0.3">
      <c r="A426" t="s">
        <v>425</v>
      </c>
      <c r="B426">
        <v>2468</v>
      </c>
    </row>
    <row r="427" spans="1:2" x14ac:dyDescent="0.3">
      <c r="A427" t="s">
        <v>426</v>
      </c>
      <c r="B427">
        <v>1464</v>
      </c>
    </row>
    <row r="428" spans="1:2" x14ac:dyDescent="0.3">
      <c r="A428" t="s">
        <v>427</v>
      </c>
      <c r="B428">
        <v>23</v>
      </c>
    </row>
    <row r="429" spans="1:2" x14ac:dyDescent="0.3">
      <c r="A429" t="s">
        <v>428</v>
      </c>
      <c r="B429">
        <v>65387</v>
      </c>
    </row>
    <row r="430" spans="1:2" x14ac:dyDescent="0.3">
      <c r="A430" t="s">
        <v>429</v>
      </c>
      <c r="B430">
        <v>65386</v>
      </c>
    </row>
    <row r="431" spans="1:2" x14ac:dyDescent="0.3">
      <c r="A431" t="s">
        <v>430</v>
      </c>
      <c r="B431">
        <v>65386</v>
      </c>
    </row>
    <row r="432" spans="1:2" x14ac:dyDescent="0.3">
      <c r="A432" t="s">
        <v>431</v>
      </c>
      <c r="B432">
        <v>65386</v>
      </c>
    </row>
    <row r="433" spans="1:2" x14ac:dyDescent="0.3">
      <c r="A433" t="s">
        <v>432</v>
      </c>
      <c r="B433">
        <v>65386</v>
      </c>
    </row>
    <row r="434" spans="1:2" x14ac:dyDescent="0.3">
      <c r="A434" t="s">
        <v>433</v>
      </c>
      <c r="B434">
        <v>65382</v>
      </c>
    </row>
    <row r="435" spans="1:2" x14ac:dyDescent="0.3">
      <c r="A435" t="s">
        <v>434</v>
      </c>
      <c r="B435">
        <v>65379</v>
      </c>
    </row>
    <row r="436" spans="1:2" x14ac:dyDescent="0.3">
      <c r="A436" t="s">
        <v>435</v>
      </c>
      <c r="B436">
        <v>65378</v>
      </c>
    </row>
    <row r="437" spans="1:2" x14ac:dyDescent="0.3">
      <c r="A437" t="s">
        <v>436</v>
      </c>
      <c r="B437">
        <v>65372</v>
      </c>
    </row>
    <row r="438" spans="1:2" x14ac:dyDescent="0.3">
      <c r="A438" t="s">
        <v>437</v>
      </c>
      <c r="B438">
        <v>65381</v>
      </c>
    </row>
    <row r="439" spans="1:2" x14ac:dyDescent="0.3">
      <c r="A439" t="s">
        <v>438</v>
      </c>
      <c r="B439">
        <v>65375</v>
      </c>
    </row>
    <row r="440" spans="1:2" x14ac:dyDescent="0.3">
      <c r="A440" t="s">
        <v>439</v>
      </c>
      <c r="B440">
        <v>65379</v>
      </c>
    </row>
    <row r="441" spans="1:2" x14ac:dyDescent="0.3">
      <c r="A441" t="s">
        <v>440</v>
      </c>
      <c r="B441">
        <v>65385</v>
      </c>
    </row>
    <row r="442" spans="1:2" x14ac:dyDescent="0.3">
      <c r="A442" t="s">
        <v>441</v>
      </c>
      <c r="B442">
        <v>65384</v>
      </c>
    </row>
    <row r="443" spans="1:2" x14ac:dyDescent="0.3">
      <c r="A443" t="s">
        <v>442</v>
      </c>
      <c r="B443">
        <v>65373</v>
      </c>
    </row>
    <row r="444" spans="1:2" x14ac:dyDescent="0.3">
      <c r="A444" t="s">
        <v>443</v>
      </c>
      <c r="B444">
        <v>65375</v>
      </c>
    </row>
    <row r="445" spans="1:2" x14ac:dyDescent="0.3">
      <c r="A445" t="s">
        <v>444</v>
      </c>
      <c r="B445">
        <v>65377</v>
      </c>
    </row>
    <row r="446" spans="1:2" x14ac:dyDescent="0.3">
      <c r="A446" t="s">
        <v>445</v>
      </c>
      <c r="B446">
        <v>65375</v>
      </c>
    </row>
    <row r="447" spans="1:2" x14ac:dyDescent="0.3">
      <c r="A447" t="s">
        <v>446</v>
      </c>
      <c r="B447">
        <v>65378</v>
      </c>
    </row>
    <row r="448" spans="1:2" x14ac:dyDescent="0.3">
      <c r="A448" t="s">
        <v>447</v>
      </c>
      <c r="B448">
        <v>65365</v>
      </c>
    </row>
    <row r="449" spans="1:2" x14ac:dyDescent="0.3">
      <c r="A449" t="s">
        <v>448</v>
      </c>
      <c r="B449">
        <v>65381</v>
      </c>
    </row>
    <row r="450" spans="1:2" x14ac:dyDescent="0.3">
      <c r="A450" t="s">
        <v>449</v>
      </c>
      <c r="B450">
        <v>65383</v>
      </c>
    </row>
    <row r="451" spans="1:2" x14ac:dyDescent="0.3">
      <c r="A451" t="s">
        <v>450</v>
      </c>
      <c r="B451">
        <v>65394</v>
      </c>
    </row>
    <row r="452" spans="1:2" x14ac:dyDescent="0.3">
      <c r="A452" t="s">
        <v>451</v>
      </c>
      <c r="B452">
        <v>65381</v>
      </c>
    </row>
    <row r="453" spans="1:2" x14ac:dyDescent="0.3">
      <c r="A453" t="s">
        <v>452</v>
      </c>
      <c r="B453">
        <v>65379</v>
      </c>
    </row>
    <row r="454" spans="1:2" x14ac:dyDescent="0.3">
      <c r="A454" t="s">
        <v>453</v>
      </c>
      <c r="B454">
        <v>65384</v>
      </c>
    </row>
    <row r="455" spans="1:2" x14ac:dyDescent="0.3">
      <c r="A455" t="s">
        <v>454</v>
      </c>
      <c r="B455">
        <v>65275</v>
      </c>
    </row>
    <row r="456" spans="1:2" x14ac:dyDescent="0.3">
      <c r="A456" t="s">
        <v>455</v>
      </c>
      <c r="B456">
        <v>63390</v>
      </c>
    </row>
    <row r="457" spans="1:2" x14ac:dyDescent="0.3">
      <c r="A457" t="s">
        <v>456</v>
      </c>
      <c r="B457">
        <v>61941</v>
      </c>
    </row>
    <row r="458" spans="1:2" x14ac:dyDescent="0.3">
      <c r="A458" t="s">
        <v>457</v>
      </c>
      <c r="B458">
        <v>62284</v>
      </c>
    </row>
    <row r="459" spans="1:2" x14ac:dyDescent="0.3">
      <c r="A459" t="s">
        <v>458</v>
      </c>
      <c r="B459">
        <v>62674</v>
      </c>
    </row>
    <row r="460" spans="1:2" x14ac:dyDescent="0.3">
      <c r="A460" t="s">
        <v>459</v>
      </c>
      <c r="B460">
        <v>63100</v>
      </c>
    </row>
    <row r="461" spans="1:2" x14ac:dyDescent="0.3">
      <c r="A461" t="s">
        <v>460</v>
      </c>
      <c r="B461">
        <v>63551</v>
      </c>
    </row>
    <row r="462" spans="1:2" x14ac:dyDescent="0.3">
      <c r="A462" t="s">
        <v>461</v>
      </c>
      <c r="B462">
        <v>64008</v>
      </c>
    </row>
    <row r="463" spans="1:2" x14ac:dyDescent="0.3">
      <c r="A463" t="s">
        <v>462</v>
      </c>
      <c r="B463">
        <v>64479</v>
      </c>
    </row>
    <row r="464" spans="1:2" x14ac:dyDescent="0.3">
      <c r="A464" t="s">
        <v>463</v>
      </c>
      <c r="B464">
        <v>64969</v>
      </c>
    </row>
    <row r="465" spans="1:2" x14ac:dyDescent="0.3">
      <c r="A465" t="s">
        <v>464</v>
      </c>
      <c r="B465">
        <v>65464</v>
      </c>
    </row>
    <row r="466" spans="1:2" x14ac:dyDescent="0.3">
      <c r="A466" t="s">
        <v>465</v>
      </c>
      <c r="B466">
        <v>409</v>
      </c>
    </row>
    <row r="467" spans="1:2" x14ac:dyDescent="0.3">
      <c r="A467" t="s">
        <v>466</v>
      </c>
      <c r="B467">
        <v>886</v>
      </c>
    </row>
    <row r="468" spans="1:2" x14ac:dyDescent="0.3">
      <c r="A468" t="s">
        <v>467</v>
      </c>
      <c r="B468">
        <v>1354</v>
      </c>
    </row>
    <row r="469" spans="1:2" x14ac:dyDescent="0.3">
      <c r="A469" t="s">
        <v>468</v>
      </c>
      <c r="B469">
        <v>1806</v>
      </c>
    </row>
    <row r="470" spans="1:2" x14ac:dyDescent="0.3">
      <c r="A470" t="s">
        <v>469</v>
      </c>
      <c r="B470">
        <v>2240</v>
      </c>
    </row>
    <row r="471" spans="1:2" x14ac:dyDescent="0.3">
      <c r="A471" t="s">
        <v>470</v>
      </c>
      <c r="B471">
        <v>2646</v>
      </c>
    </row>
    <row r="472" spans="1:2" x14ac:dyDescent="0.3">
      <c r="A472" t="s">
        <v>471</v>
      </c>
      <c r="B472">
        <v>3036</v>
      </c>
    </row>
    <row r="473" spans="1:2" x14ac:dyDescent="0.3">
      <c r="A473" t="s">
        <v>472</v>
      </c>
      <c r="B473">
        <v>3396</v>
      </c>
    </row>
    <row r="474" spans="1:2" x14ac:dyDescent="0.3">
      <c r="A474" t="s">
        <v>473</v>
      </c>
      <c r="B474">
        <v>3723</v>
      </c>
    </row>
    <row r="475" spans="1:2" x14ac:dyDescent="0.3">
      <c r="A475" t="s">
        <v>474</v>
      </c>
      <c r="B475">
        <v>4014</v>
      </c>
    </row>
    <row r="476" spans="1:2" x14ac:dyDescent="0.3">
      <c r="A476" t="s">
        <v>475</v>
      </c>
      <c r="B476">
        <v>4267</v>
      </c>
    </row>
    <row r="477" spans="1:2" x14ac:dyDescent="0.3">
      <c r="A477" t="s">
        <v>476</v>
      </c>
      <c r="B477">
        <v>4482</v>
      </c>
    </row>
    <row r="478" spans="1:2" x14ac:dyDescent="0.3">
      <c r="A478" t="s">
        <v>477</v>
      </c>
      <c r="B478">
        <v>4671</v>
      </c>
    </row>
    <row r="479" spans="1:2" x14ac:dyDescent="0.3">
      <c r="A479" t="s">
        <v>478</v>
      </c>
      <c r="B479">
        <v>4801</v>
      </c>
    </row>
    <row r="480" spans="1:2" x14ac:dyDescent="0.3">
      <c r="A480" t="s">
        <v>479</v>
      </c>
      <c r="B480">
        <v>4889</v>
      </c>
    </row>
    <row r="481" spans="1:2" x14ac:dyDescent="0.3">
      <c r="A481" t="s">
        <v>480</v>
      </c>
      <c r="B481">
        <v>4939</v>
      </c>
    </row>
    <row r="482" spans="1:2" x14ac:dyDescent="0.3">
      <c r="A482" t="s">
        <v>481</v>
      </c>
      <c r="B482">
        <v>4953</v>
      </c>
    </row>
    <row r="483" spans="1:2" x14ac:dyDescent="0.3">
      <c r="A483" t="s">
        <v>482</v>
      </c>
      <c r="B483">
        <v>4906</v>
      </c>
    </row>
    <row r="484" spans="1:2" x14ac:dyDescent="0.3">
      <c r="A484" t="s">
        <v>483</v>
      </c>
      <c r="B484">
        <v>4816</v>
      </c>
    </row>
    <row r="485" spans="1:2" x14ac:dyDescent="0.3">
      <c r="A485" t="s">
        <v>484</v>
      </c>
      <c r="B485">
        <v>4693</v>
      </c>
    </row>
    <row r="486" spans="1:2" x14ac:dyDescent="0.3">
      <c r="A486" t="s">
        <v>485</v>
      </c>
      <c r="B486">
        <v>4519</v>
      </c>
    </row>
    <row r="487" spans="1:2" x14ac:dyDescent="0.3">
      <c r="A487" t="s">
        <v>486</v>
      </c>
      <c r="B487">
        <v>4303</v>
      </c>
    </row>
    <row r="488" spans="1:2" x14ac:dyDescent="0.3">
      <c r="A488" t="s">
        <v>487</v>
      </c>
      <c r="B488">
        <v>4055</v>
      </c>
    </row>
    <row r="489" spans="1:2" x14ac:dyDescent="0.3">
      <c r="A489" t="s">
        <v>488</v>
      </c>
      <c r="B489">
        <v>3775</v>
      </c>
    </row>
    <row r="490" spans="1:2" x14ac:dyDescent="0.3">
      <c r="A490" t="s">
        <v>489</v>
      </c>
      <c r="B490">
        <v>3468</v>
      </c>
    </row>
    <row r="491" spans="1:2" x14ac:dyDescent="0.3">
      <c r="A491" t="s">
        <v>490</v>
      </c>
      <c r="B491">
        <v>3125</v>
      </c>
    </row>
    <row r="492" spans="1:2" x14ac:dyDescent="0.3">
      <c r="A492" t="s">
        <v>491</v>
      </c>
      <c r="B492">
        <v>2743</v>
      </c>
    </row>
    <row r="493" spans="1:2" x14ac:dyDescent="0.3">
      <c r="A493" t="s">
        <v>492</v>
      </c>
      <c r="B493">
        <v>2323</v>
      </c>
    </row>
    <row r="494" spans="1:2" x14ac:dyDescent="0.3">
      <c r="A494" t="s">
        <v>493</v>
      </c>
      <c r="B494">
        <v>1404</v>
      </c>
    </row>
    <row r="495" spans="1:2" x14ac:dyDescent="0.3">
      <c r="A495" t="s">
        <v>494</v>
      </c>
      <c r="B495">
        <v>83</v>
      </c>
    </row>
    <row r="496" spans="1:2" x14ac:dyDescent="0.3">
      <c r="A496" t="s">
        <v>495</v>
      </c>
      <c r="B496">
        <v>65397</v>
      </c>
    </row>
    <row r="497" spans="1:2" x14ac:dyDescent="0.3">
      <c r="A497" t="s">
        <v>496</v>
      </c>
      <c r="B497">
        <v>65387</v>
      </c>
    </row>
    <row r="498" spans="1:2" x14ac:dyDescent="0.3">
      <c r="A498" t="s">
        <v>497</v>
      </c>
      <c r="B498">
        <v>65384</v>
      </c>
    </row>
    <row r="499" spans="1:2" x14ac:dyDescent="0.3">
      <c r="A499" t="s">
        <v>498</v>
      </c>
      <c r="B499">
        <v>65374</v>
      </c>
    </row>
    <row r="500" spans="1:2" x14ac:dyDescent="0.3">
      <c r="A500" t="s">
        <v>499</v>
      </c>
      <c r="B500">
        <v>65379</v>
      </c>
    </row>
    <row r="501" spans="1:2" x14ac:dyDescent="0.3">
      <c r="A501" t="s">
        <v>500</v>
      </c>
      <c r="B501">
        <v>65384</v>
      </c>
    </row>
    <row r="502" spans="1:2" x14ac:dyDescent="0.3">
      <c r="A502" t="s">
        <v>501</v>
      </c>
      <c r="B502">
        <v>65386</v>
      </c>
    </row>
    <row r="503" spans="1:2" x14ac:dyDescent="0.3">
      <c r="A503" t="s">
        <v>502</v>
      </c>
      <c r="B503">
        <v>65388</v>
      </c>
    </row>
    <row r="504" spans="1:2" x14ac:dyDescent="0.3">
      <c r="A504" t="s">
        <v>503</v>
      </c>
      <c r="B504">
        <v>65380</v>
      </c>
    </row>
    <row r="505" spans="1:2" x14ac:dyDescent="0.3">
      <c r="A505" t="s">
        <v>504</v>
      </c>
      <c r="B505">
        <v>65389</v>
      </c>
    </row>
    <row r="506" spans="1:2" x14ac:dyDescent="0.3">
      <c r="A506" t="s">
        <v>505</v>
      </c>
      <c r="B506">
        <v>65388</v>
      </c>
    </row>
    <row r="507" spans="1:2" x14ac:dyDescent="0.3">
      <c r="A507" t="s">
        <v>506</v>
      </c>
      <c r="B507">
        <v>65380</v>
      </c>
    </row>
    <row r="508" spans="1:2" x14ac:dyDescent="0.3">
      <c r="A508" t="s">
        <v>507</v>
      </c>
      <c r="B508">
        <v>65395</v>
      </c>
    </row>
    <row r="509" spans="1:2" x14ac:dyDescent="0.3">
      <c r="A509" t="s">
        <v>508</v>
      </c>
      <c r="B509">
        <v>65391</v>
      </c>
    </row>
    <row r="510" spans="1:2" x14ac:dyDescent="0.3">
      <c r="A510" t="s">
        <v>509</v>
      </c>
      <c r="B510">
        <v>65382</v>
      </c>
    </row>
    <row r="511" spans="1:2" x14ac:dyDescent="0.3">
      <c r="A511" t="s">
        <v>510</v>
      </c>
      <c r="B511">
        <v>65373</v>
      </c>
    </row>
    <row r="512" spans="1:2" x14ac:dyDescent="0.3">
      <c r="A512" t="s">
        <v>511</v>
      </c>
      <c r="B512">
        <v>65371</v>
      </c>
    </row>
    <row r="513" spans="1:2" x14ac:dyDescent="0.3">
      <c r="A513" t="s">
        <v>512</v>
      </c>
      <c r="B513">
        <v>65382</v>
      </c>
    </row>
    <row r="514" spans="1:2" x14ac:dyDescent="0.3">
      <c r="A514" t="s">
        <v>513</v>
      </c>
      <c r="B514">
        <v>65380</v>
      </c>
    </row>
    <row r="515" spans="1:2" x14ac:dyDescent="0.3">
      <c r="A515" t="s">
        <v>514</v>
      </c>
      <c r="B515">
        <v>65378</v>
      </c>
    </row>
    <row r="516" spans="1:2" x14ac:dyDescent="0.3">
      <c r="A516" t="s">
        <v>515</v>
      </c>
      <c r="B516">
        <v>65387</v>
      </c>
    </row>
    <row r="517" spans="1:2" x14ac:dyDescent="0.3">
      <c r="A517" t="s">
        <v>516</v>
      </c>
      <c r="B517">
        <v>65396</v>
      </c>
    </row>
    <row r="518" spans="1:2" x14ac:dyDescent="0.3">
      <c r="A518" t="s">
        <v>517</v>
      </c>
      <c r="B518">
        <v>65387</v>
      </c>
    </row>
    <row r="519" spans="1:2" x14ac:dyDescent="0.3">
      <c r="A519" t="s">
        <v>518</v>
      </c>
      <c r="B519">
        <v>65385</v>
      </c>
    </row>
    <row r="520" spans="1:2" x14ac:dyDescent="0.3">
      <c r="A520" t="s">
        <v>519</v>
      </c>
      <c r="B520">
        <v>65386</v>
      </c>
    </row>
    <row r="521" spans="1:2" x14ac:dyDescent="0.3">
      <c r="A521" t="s">
        <v>520</v>
      </c>
      <c r="B521">
        <v>65388</v>
      </c>
    </row>
    <row r="522" spans="1:2" x14ac:dyDescent="0.3">
      <c r="A522" t="s">
        <v>521</v>
      </c>
      <c r="B522">
        <v>65051</v>
      </c>
    </row>
    <row r="523" spans="1:2" x14ac:dyDescent="0.3">
      <c r="A523" t="s">
        <v>522</v>
      </c>
      <c r="B523">
        <v>62761</v>
      </c>
    </row>
    <row r="524" spans="1:2" x14ac:dyDescent="0.3">
      <c r="A524" t="s">
        <v>523</v>
      </c>
      <c r="B524">
        <v>62030</v>
      </c>
    </row>
    <row r="525" spans="1:2" x14ac:dyDescent="0.3">
      <c r="A525" t="s">
        <v>524</v>
      </c>
      <c r="B525">
        <v>62406</v>
      </c>
    </row>
    <row r="526" spans="1:2" x14ac:dyDescent="0.3">
      <c r="A526" t="s">
        <v>525</v>
      </c>
      <c r="B526">
        <v>62822</v>
      </c>
    </row>
    <row r="527" spans="1:2" x14ac:dyDescent="0.3">
      <c r="A527" t="s">
        <v>526</v>
      </c>
      <c r="B527">
        <v>63246</v>
      </c>
    </row>
    <row r="528" spans="1:2" x14ac:dyDescent="0.3">
      <c r="A528" t="s">
        <v>527</v>
      </c>
      <c r="B528">
        <v>63711</v>
      </c>
    </row>
    <row r="529" spans="1:2" x14ac:dyDescent="0.3">
      <c r="A529" t="s">
        <v>528</v>
      </c>
      <c r="B529">
        <v>64181</v>
      </c>
    </row>
    <row r="530" spans="1:2" x14ac:dyDescent="0.3">
      <c r="A530" t="s">
        <v>529</v>
      </c>
      <c r="B530">
        <v>64653</v>
      </c>
    </row>
    <row r="531" spans="1:2" x14ac:dyDescent="0.3">
      <c r="A531" t="s">
        <v>530</v>
      </c>
      <c r="B531">
        <v>65133</v>
      </c>
    </row>
    <row r="532" spans="1:2" x14ac:dyDescent="0.3">
      <c r="A532" t="s">
        <v>531</v>
      </c>
      <c r="B532">
        <v>97</v>
      </c>
    </row>
    <row r="533" spans="1:2" x14ac:dyDescent="0.3">
      <c r="A533" t="s">
        <v>532</v>
      </c>
      <c r="B533">
        <v>584</v>
      </c>
    </row>
    <row r="534" spans="1:2" x14ac:dyDescent="0.3">
      <c r="A534" t="s">
        <v>533</v>
      </c>
      <c r="B534">
        <v>1053</v>
      </c>
    </row>
    <row r="535" spans="1:2" x14ac:dyDescent="0.3">
      <c r="A535" t="s">
        <v>534</v>
      </c>
      <c r="B535">
        <v>1505</v>
      </c>
    </row>
    <row r="536" spans="1:2" x14ac:dyDescent="0.3">
      <c r="A536" t="s">
        <v>535</v>
      </c>
      <c r="B536">
        <v>1959</v>
      </c>
    </row>
    <row r="537" spans="1:2" x14ac:dyDescent="0.3">
      <c r="A537" t="s">
        <v>536</v>
      </c>
      <c r="B537">
        <v>2391</v>
      </c>
    </row>
    <row r="538" spans="1:2" x14ac:dyDescent="0.3">
      <c r="A538" t="s">
        <v>537</v>
      </c>
      <c r="B538">
        <v>2802</v>
      </c>
    </row>
    <row r="539" spans="1:2" x14ac:dyDescent="0.3">
      <c r="A539" t="s">
        <v>538</v>
      </c>
      <c r="B539">
        <v>3174</v>
      </c>
    </row>
    <row r="540" spans="1:2" x14ac:dyDescent="0.3">
      <c r="A540" t="s">
        <v>539</v>
      </c>
      <c r="B540">
        <v>3516</v>
      </c>
    </row>
    <row r="541" spans="1:2" x14ac:dyDescent="0.3">
      <c r="A541" t="s">
        <v>540</v>
      </c>
      <c r="B541">
        <v>3841</v>
      </c>
    </row>
    <row r="542" spans="1:2" x14ac:dyDescent="0.3">
      <c r="A542" t="s">
        <v>541</v>
      </c>
      <c r="B542">
        <v>4122</v>
      </c>
    </row>
    <row r="543" spans="1:2" x14ac:dyDescent="0.3">
      <c r="A543" t="s">
        <v>542</v>
      </c>
      <c r="B543">
        <v>4350</v>
      </c>
    </row>
    <row r="544" spans="1:2" x14ac:dyDescent="0.3">
      <c r="A544" t="s">
        <v>543</v>
      </c>
      <c r="B544">
        <v>4557</v>
      </c>
    </row>
    <row r="545" spans="1:2" x14ac:dyDescent="0.3">
      <c r="A545" t="s">
        <v>544</v>
      </c>
      <c r="B545">
        <v>4727</v>
      </c>
    </row>
    <row r="546" spans="1:2" x14ac:dyDescent="0.3">
      <c r="A546" t="s">
        <v>545</v>
      </c>
      <c r="B546">
        <v>4847</v>
      </c>
    </row>
    <row r="547" spans="1:2" x14ac:dyDescent="0.3">
      <c r="A547" t="s">
        <v>546</v>
      </c>
      <c r="B547">
        <v>4914</v>
      </c>
    </row>
    <row r="548" spans="1:2" x14ac:dyDescent="0.3">
      <c r="A548" t="s">
        <v>547</v>
      </c>
      <c r="B548">
        <v>4950</v>
      </c>
    </row>
    <row r="549" spans="1:2" x14ac:dyDescent="0.3">
      <c r="A549" t="s">
        <v>548</v>
      </c>
      <c r="B549">
        <v>4937</v>
      </c>
    </row>
    <row r="550" spans="1:2" x14ac:dyDescent="0.3">
      <c r="A550" t="s">
        <v>549</v>
      </c>
      <c r="B550">
        <v>4880</v>
      </c>
    </row>
    <row r="551" spans="1:2" x14ac:dyDescent="0.3">
      <c r="A551" t="s">
        <v>550</v>
      </c>
      <c r="B551">
        <v>4777</v>
      </c>
    </row>
    <row r="552" spans="1:2" x14ac:dyDescent="0.3">
      <c r="A552" t="s">
        <v>551</v>
      </c>
      <c r="B552">
        <v>4633</v>
      </c>
    </row>
    <row r="553" spans="1:2" x14ac:dyDescent="0.3">
      <c r="A553" t="s">
        <v>552</v>
      </c>
      <c r="B553">
        <v>4446</v>
      </c>
    </row>
    <row r="554" spans="1:2" x14ac:dyDescent="0.3">
      <c r="A554" t="s">
        <v>553</v>
      </c>
      <c r="B554">
        <v>4229</v>
      </c>
    </row>
    <row r="555" spans="1:2" x14ac:dyDescent="0.3">
      <c r="A555" t="s">
        <v>554</v>
      </c>
      <c r="B555">
        <v>3968</v>
      </c>
    </row>
    <row r="556" spans="1:2" x14ac:dyDescent="0.3">
      <c r="A556" t="s">
        <v>555</v>
      </c>
      <c r="B556">
        <v>3687</v>
      </c>
    </row>
    <row r="557" spans="1:2" x14ac:dyDescent="0.3">
      <c r="A557" t="s">
        <v>556</v>
      </c>
      <c r="B557">
        <v>3352</v>
      </c>
    </row>
    <row r="558" spans="1:2" x14ac:dyDescent="0.3">
      <c r="A558" t="s">
        <v>557</v>
      </c>
      <c r="B558">
        <v>2979</v>
      </c>
    </row>
    <row r="559" spans="1:2" x14ac:dyDescent="0.3">
      <c r="A559" t="s">
        <v>558</v>
      </c>
      <c r="B559">
        <v>2589</v>
      </c>
    </row>
    <row r="560" spans="1:2" x14ac:dyDescent="0.3">
      <c r="A560" t="s">
        <v>559</v>
      </c>
      <c r="B560">
        <v>2116</v>
      </c>
    </row>
    <row r="561" spans="1:2" x14ac:dyDescent="0.3">
      <c r="A561" t="s">
        <v>560</v>
      </c>
      <c r="B561">
        <v>876</v>
      </c>
    </row>
    <row r="562" spans="1:2" x14ac:dyDescent="0.3">
      <c r="A562" t="s">
        <v>561</v>
      </c>
      <c r="B562">
        <v>65440</v>
      </c>
    </row>
    <row r="563" spans="1:2" x14ac:dyDescent="0.3">
      <c r="A563" t="s">
        <v>562</v>
      </c>
      <c r="B563">
        <v>65374</v>
      </c>
    </row>
    <row r="564" spans="1:2" x14ac:dyDescent="0.3">
      <c r="A564" t="s">
        <v>563</v>
      </c>
      <c r="B564">
        <v>65385</v>
      </c>
    </row>
    <row r="565" spans="1:2" x14ac:dyDescent="0.3">
      <c r="A565" t="s">
        <v>564</v>
      </c>
      <c r="B565">
        <v>65383</v>
      </c>
    </row>
    <row r="566" spans="1:2" x14ac:dyDescent="0.3">
      <c r="A566" t="s">
        <v>565</v>
      </c>
      <c r="B566">
        <v>65369</v>
      </c>
    </row>
    <row r="567" spans="1:2" x14ac:dyDescent="0.3">
      <c r="A567" t="s">
        <v>566</v>
      </c>
      <c r="B567">
        <v>65380</v>
      </c>
    </row>
    <row r="568" spans="1:2" x14ac:dyDescent="0.3">
      <c r="A568" t="s">
        <v>567</v>
      </c>
      <c r="B568">
        <v>65391</v>
      </c>
    </row>
    <row r="569" spans="1:2" x14ac:dyDescent="0.3">
      <c r="A569" t="s">
        <v>568</v>
      </c>
      <c r="B569">
        <v>65387</v>
      </c>
    </row>
    <row r="570" spans="1:2" x14ac:dyDescent="0.3">
      <c r="A570" t="s">
        <v>569</v>
      </c>
      <c r="B570">
        <v>65372</v>
      </c>
    </row>
    <row r="571" spans="1:2" x14ac:dyDescent="0.3">
      <c r="A571" t="s">
        <v>570</v>
      </c>
      <c r="B571">
        <v>65376</v>
      </c>
    </row>
    <row r="572" spans="1:2" x14ac:dyDescent="0.3">
      <c r="A572" t="s">
        <v>571</v>
      </c>
      <c r="B572">
        <v>65385</v>
      </c>
    </row>
    <row r="573" spans="1:2" x14ac:dyDescent="0.3">
      <c r="A573" t="s">
        <v>572</v>
      </c>
      <c r="B573">
        <v>65375</v>
      </c>
    </row>
    <row r="574" spans="1:2" x14ac:dyDescent="0.3">
      <c r="A574" t="s">
        <v>573</v>
      </c>
      <c r="B574">
        <v>65381</v>
      </c>
    </row>
    <row r="575" spans="1:2" x14ac:dyDescent="0.3">
      <c r="A575" t="s">
        <v>574</v>
      </c>
      <c r="B575">
        <v>65379</v>
      </c>
    </row>
    <row r="576" spans="1:2" x14ac:dyDescent="0.3">
      <c r="A576" t="s">
        <v>575</v>
      </c>
      <c r="B576">
        <v>65383</v>
      </c>
    </row>
    <row r="577" spans="1:2" x14ac:dyDescent="0.3">
      <c r="A577" t="s">
        <v>576</v>
      </c>
      <c r="B577">
        <v>65367</v>
      </c>
    </row>
    <row r="578" spans="1:2" x14ac:dyDescent="0.3">
      <c r="A578" t="s">
        <v>577</v>
      </c>
      <c r="B578">
        <v>65369</v>
      </c>
    </row>
    <row r="579" spans="1:2" x14ac:dyDescent="0.3">
      <c r="A579" t="s">
        <v>578</v>
      </c>
      <c r="B579">
        <v>65368</v>
      </c>
    </row>
    <row r="580" spans="1:2" x14ac:dyDescent="0.3">
      <c r="A580" t="s">
        <v>579</v>
      </c>
      <c r="B580">
        <v>65346</v>
      </c>
    </row>
    <row r="581" spans="1:2" x14ac:dyDescent="0.3">
      <c r="A581" t="s">
        <v>580</v>
      </c>
      <c r="B581">
        <v>65362</v>
      </c>
    </row>
    <row r="582" spans="1:2" x14ac:dyDescent="0.3">
      <c r="A582" t="s">
        <v>581</v>
      </c>
      <c r="B582">
        <v>65384</v>
      </c>
    </row>
    <row r="583" spans="1:2" x14ac:dyDescent="0.3">
      <c r="A583" t="s">
        <v>582</v>
      </c>
      <c r="B583">
        <v>65379</v>
      </c>
    </row>
    <row r="584" spans="1:2" x14ac:dyDescent="0.3">
      <c r="A584" t="s">
        <v>583</v>
      </c>
      <c r="B584">
        <v>65378</v>
      </c>
    </row>
    <row r="585" spans="1:2" x14ac:dyDescent="0.3">
      <c r="A585" t="s">
        <v>584</v>
      </c>
      <c r="B585">
        <v>65384</v>
      </c>
    </row>
    <row r="586" spans="1:2" x14ac:dyDescent="0.3">
      <c r="A586" t="s">
        <v>585</v>
      </c>
      <c r="B586">
        <v>65379</v>
      </c>
    </row>
    <row r="587" spans="1:2" x14ac:dyDescent="0.3">
      <c r="A587" t="s">
        <v>586</v>
      </c>
      <c r="B587">
        <v>65382</v>
      </c>
    </row>
    <row r="588" spans="1:2" x14ac:dyDescent="0.3">
      <c r="A588" t="s">
        <v>587</v>
      </c>
      <c r="B588">
        <v>65371</v>
      </c>
    </row>
    <row r="589" spans="1:2" x14ac:dyDescent="0.3">
      <c r="A589" t="s">
        <v>588</v>
      </c>
      <c r="B589">
        <v>64225</v>
      </c>
    </row>
    <row r="590" spans="1:2" x14ac:dyDescent="0.3">
      <c r="A590" t="s">
        <v>589</v>
      </c>
      <c r="B590">
        <v>62053</v>
      </c>
    </row>
    <row r="591" spans="1:2" x14ac:dyDescent="0.3">
      <c r="A591" t="s">
        <v>590</v>
      </c>
      <c r="B591">
        <v>62158</v>
      </c>
    </row>
    <row r="592" spans="1:2" x14ac:dyDescent="0.3">
      <c r="A592" t="s">
        <v>591</v>
      </c>
      <c r="B592">
        <v>62550</v>
      </c>
    </row>
    <row r="593" spans="1:2" x14ac:dyDescent="0.3">
      <c r="A593" t="s">
        <v>592</v>
      </c>
      <c r="B593">
        <v>62974</v>
      </c>
    </row>
    <row r="594" spans="1:2" x14ac:dyDescent="0.3">
      <c r="A594" t="s">
        <v>593</v>
      </c>
      <c r="B594">
        <v>63415</v>
      </c>
    </row>
    <row r="595" spans="1:2" x14ac:dyDescent="0.3">
      <c r="A595" t="s">
        <v>594</v>
      </c>
      <c r="B595">
        <v>63869</v>
      </c>
    </row>
    <row r="596" spans="1:2" x14ac:dyDescent="0.3">
      <c r="A596" t="s">
        <v>595</v>
      </c>
      <c r="B596">
        <v>64340</v>
      </c>
    </row>
    <row r="597" spans="1:2" x14ac:dyDescent="0.3">
      <c r="A597" t="s">
        <v>596</v>
      </c>
      <c r="B597">
        <v>64830</v>
      </c>
    </row>
    <row r="598" spans="1:2" x14ac:dyDescent="0.3">
      <c r="A598" t="s">
        <v>597</v>
      </c>
      <c r="B598">
        <v>65319</v>
      </c>
    </row>
    <row r="599" spans="1:2" x14ac:dyDescent="0.3">
      <c r="A599" t="s">
        <v>598</v>
      </c>
      <c r="B599">
        <v>273</v>
      </c>
    </row>
    <row r="600" spans="1:2" x14ac:dyDescent="0.3">
      <c r="A600" t="s">
        <v>599</v>
      </c>
      <c r="B600">
        <v>750</v>
      </c>
    </row>
    <row r="601" spans="1:2" x14ac:dyDescent="0.3">
      <c r="A601" t="s">
        <v>600</v>
      </c>
      <c r="B601">
        <v>1224</v>
      </c>
    </row>
    <row r="602" spans="1:2" x14ac:dyDescent="0.3">
      <c r="A602" t="s">
        <v>601</v>
      </c>
      <c r="B602">
        <v>1672</v>
      </c>
    </row>
    <row r="603" spans="1:2" x14ac:dyDescent="0.3">
      <c r="A603" t="s">
        <v>602</v>
      </c>
      <c r="B603">
        <v>2116</v>
      </c>
    </row>
    <row r="604" spans="1:2" x14ac:dyDescent="0.3">
      <c r="A604" t="s">
        <v>603</v>
      </c>
      <c r="B604">
        <v>2524</v>
      </c>
    </row>
    <row r="605" spans="1:2" x14ac:dyDescent="0.3">
      <c r="A605" t="s">
        <v>604</v>
      </c>
      <c r="B605">
        <v>2925</v>
      </c>
    </row>
    <row r="606" spans="1:2" x14ac:dyDescent="0.3">
      <c r="A606" t="s">
        <v>605</v>
      </c>
      <c r="B606">
        <v>3293</v>
      </c>
    </row>
    <row r="607" spans="1:2" x14ac:dyDescent="0.3">
      <c r="A607" t="s">
        <v>606</v>
      </c>
      <c r="B607">
        <v>3631</v>
      </c>
    </row>
    <row r="608" spans="1:2" x14ac:dyDescent="0.3">
      <c r="A608" t="s">
        <v>607</v>
      </c>
      <c r="B608">
        <v>3936</v>
      </c>
    </row>
    <row r="609" spans="1:2" x14ac:dyDescent="0.3">
      <c r="A609" t="s">
        <v>608</v>
      </c>
      <c r="B609">
        <v>4207</v>
      </c>
    </row>
    <row r="610" spans="1:2" x14ac:dyDescent="0.3">
      <c r="A610" t="s">
        <v>609</v>
      </c>
      <c r="B610">
        <v>4427</v>
      </c>
    </row>
    <row r="611" spans="1:2" x14ac:dyDescent="0.3">
      <c r="A611" t="s">
        <v>610</v>
      </c>
      <c r="B611">
        <v>4614</v>
      </c>
    </row>
    <row r="612" spans="1:2" x14ac:dyDescent="0.3">
      <c r="A612" t="s">
        <v>611</v>
      </c>
      <c r="B612">
        <v>4768</v>
      </c>
    </row>
    <row r="613" spans="1:2" x14ac:dyDescent="0.3">
      <c r="A613" t="s">
        <v>612</v>
      </c>
      <c r="B613">
        <v>4875</v>
      </c>
    </row>
    <row r="614" spans="1:2" x14ac:dyDescent="0.3">
      <c r="A614" t="s">
        <v>613</v>
      </c>
      <c r="B614">
        <v>4933</v>
      </c>
    </row>
    <row r="615" spans="1:2" x14ac:dyDescent="0.3">
      <c r="A615" t="s">
        <v>614</v>
      </c>
      <c r="B615">
        <v>4961</v>
      </c>
    </row>
    <row r="616" spans="1:2" x14ac:dyDescent="0.3">
      <c r="A616" t="s">
        <v>615</v>
      </c>
      <c r="B616">
        <v>4935</v>
      </c>
    </row>
    <row r="617" spans="1:2" x14ac:dyDescent="0.3">
      <c r="A617" t="s">
        <v>616</v>
      </c>
      <c r="B617">
        <v>4855</v>
      </c>
    </row>
    <row r="618" spans="1:2" x14ac:dyDescent="0.3">
      <c r="A618" t="s">
        <v>617</v>
      </c>
      <c r="B618">
        <v>4735</v>
      </c>
    </row>
    <row r="619" spans="1:2" x14ac:dyDescent="0.3">
      <c r="A619" t="s">
        <v>618</v>
      </c>
      <c r="B619">
        <v>4574</v>
      </c>
    </row>
    <row r="620" spans="1:2" x14ac:dyDescent="0.3">
      <c r="A620" t="s">
        <v>619</v>
      </c>
      <c r="B620">
        <v>4376</v>
      </c>
    </row>
    <row r="621" spans="1:2" x14ac:dyDescent="0.3">
      <c r="A621" t="s">
        <v>620</v>
      </c>
      <c r="B621">
        <v>4145</v>
      </c>
    </row>
    <row r="622" spans="1:2" x14ac:dyDescent="0.3">
      <c r="A622" t="s">
        <v>621</v>
      </c>
      <c r="B622">
        <v>3871</v>
      </c>
    </row>
    <row r="623" spans="1:2" x14ac:dyDescent="0.3">
      <c r="A623" t="s">
        <v>622</v>
      </c>
      <c r="B623">
        <v>3565</v>
      </c>
    </row>
    <row r="624" spans="1:2" x14ac:dyDescent="0.3">
      <c r="A624" t="s">
        <v>623</v>
      </c>
      <c r="B624">
        <v>3222</v>
      </c>
    </row>
    <row r="625" spans="1:2" x14ac:dyDescent="0.3">
      <c r="A625" t="s">
        <v>624</v>
      </c>
      <c r="B625">
        <v>2853</v>
      </c>
    </row>
    <row r="626" spans="1:2" x14ac:dyDescent="0.3">
      <c r="A626" t="s">
        <v>625</v>
      </c>
      <c r="B626">
        <v>2447</v>
      </c>
    </row>
    <row r="627" spans="1:2" x14ac:dyDescent="0.3">
      <c r="A627" t="s">
        <v>626</v>
      </c>
      <c r="B627">
        <v>1504</v>
      </c>
    </row>
    <row r="628" spans="1:2" x14ac:dyDescent="0.3">
      <c r="A628" t="s">
        <v>627</v>
      </c>
      <c r="B628">
        <v>55</v>
      </c>
    </row>
    <row r="629" spans="1:2" x14ac:dyDescent="0.3">
      <c r="A629" t="s">
        <v>628</v>
      </c>
      <c r="B629">
        <v>65385</v>
      </c>
    </row>
    <row r="630" spans="1:2" x14ac:dyDescent="0.3">
      <c r="A630" t="s">
        <v>629</v>
      </c>
      <c r="B630">
        <v>65388</v>
      </c>
    </row>
    <row r="631" spans="1:2" x14ac:dyDescent="0.3">
      <c r="A631" t="s">
        <v>630</v>
      </c>
      <c r="B631">
        <v>65395</v>
      </c>
    </row>
    <row r="632" spans="1:2" x14ac:dyDescent="0.3">
      <c r="A632" t="s">
        <v>631</v>
      </c>
      <c r="B632">
        <v>65381</v>
      </c>
    </row>
    <row r="633" spans="1:2" x14ac:dyDescent="0.3">
      <c r="A633" t="s">
        <v>632</v>
      </c>
      <c r="B633">
        <v>65380</v>
      </c>
    </row>
    <row r="634" spans="1:2" x14ac:dyDescent="0.3">
      <c r="A634" t="s">
        <v>633</v>
      </c>
      <c r="B634">
        <v>65380</v>
      </c>
    </row>
    <row r="635" spans="1:2" x14ac:dyDescent="0.3">
      <c r="A635" t="s">
        <v>634</v>
      </c>
      <c r="B635">
        <v>65374</v>
      </c>
    </row>
    <row r="636" spans="1:2" x14ac:dyDescent="0.3">
      <c r="A636" t="s">
        <v>635</v>
      </c>
      <c r="B636">
        <v>65382</v>
      </c>
    </row>
    <row r="637" spans="1:2" x14ac:dyDescent="0.3">
      <c r="A637" t="s">
        <v>636</v>
      </c>
      <c r="B637">
        <v>65390</v>
      </c>
    </row>
    <row r="638" spans="1:2" x14ac:dyDescent="0.3">
      <c r="A638" t="s">
        <v>637</v>
      </c>
      <c r="B638">
        <v>65388</v>
      </c>
    </row>
    <row r="639" spans="1:2" x14ac:dyDescent="0.3">
      <c r="A639" t="s">
        <v>638</v>
      </c>
      <c r="B639">
        <v>65386</v>
      </c>
    </row>
    <row r="640" spans="1:2" x14ac:dyDescent="0.3">
      <c r="A640" t="s">
        <v>639</v>
      </c>
      <c r="B640">
        <v>65383</v>
      </c>
    </row>
    <row r="641" spans="1:2" x14ac:dyDescent="0.3">
      <c r="A641" t="s">
        <v>640</v>
      </c>
      <c r="B641">
        <v>65383</v>
      </c>
    </row>
    <row r="642" spans="1:2" x14ac:dyDescent="0.3">
      <c r="A642" t="s">
        <v>641</v>
      </c>
      <c r="B642">
        <v>65376</v>
      </c>
    </row>
    <row r="643" spans="1:2" x14ac:dyDescent="0.3">
      <c r="A643" t="s">
        <v>642</v>
      </c>
      <c r="B643">
        <v>65389</v>
      </c>
    </row>
    <row r="644" spans="1:2" x14ac:dyDescent="0.3">
      <c r="A644" t="s">
        <v>643</v>
      </c>
      <c r="B644">
        <v>65388</v>
      </c>
    </row>
    <row r="645" spans="1:2" x14ac:dyDescent="0.3">
      <c r="A645" t="s">
        <v>644</v>
      </c>
      <c r="B645">
        <v>65381</v>
      </c>
    </row>
    <row r="646" spans="1:2" x14ac:dyDescent="0.3">
      <c r="A646" t="s">
        <v>645</v>
      </c>
      <c r="B646">
        <v>65379</v>
      </c>
    </row>
    <row r="647" spans="1:2" x14ac:dyDescent="0.3">
      <c r="A647" t="s">
        <v>646</v>
      </c>
      <c r="B647">
        <v>65382</v>
      </c>
    </row>
    <row r="648" spans="1:2" x14ac:dyDescent="0.3">
      <c r="A648" t="s">
        <v>647</v>
      </c>
      <c r="B648">
        <v>65376</v>
      </c>
    </row>
    <row r="649" spans="1:2" x14ac:dyDescent="0.3">
      <c r="A649" t="s">
        <v>648</v>
      </c>
      <c r="B649">
        <v>65383</v>
      </c>
    </row>
    <row r="650" spans="1:2" x14ac:dyDescent="0.3">
      <c r="A650" t="s">
        <v>649</v>
      </c>
      <c r="B650">
        <v>65387</v>
      </c>
    </row>
    <row r="651" spans="1:2" x14ac:dyDescent="0.3">
      <c r="A651" t="s">
        <v>650</v>
      </c>
      <c r="B651">
        <v>65388</v>
      </c>
    </row>
    <row r="652" spans="1:2" x14ac:dyDescent="0.3">
      <c r="A652" t="s">
        <v>651</v>
      </c>
      <c r="B652">
        <v>65386</v>
      </c>
    </row>
    <row r="653" spans="1:2" x14ac:dyDescent="0.3">
      <c r="A653" t="s">
        <v>652</v>
      </c>
      <c r="B653">
        <v>65390</v>
      </c>
    </row>
    <row r="654" spans="1:2" x14ac:dyDescent="0.3">
      <c r="A654" t="s">
        <v>653</v>
      </c>
      <c r="B654">
        <v>65377</v>
      </c>
    </row>
    <row r="655" spans="1:2" x14ac:dyDescent="0.3">
      <c r="A655" t="s">
        <v>654</v>
      </c>
      <c r="B655">
        <v>65289</v>
      </c>
    </row>
    <row r="656" spans="1:2" x14ac:dyDescent="0.3">
      <c r="A656" t="s">
        <v>655</v>
      </c>
      <c r="B656">
        <v>63369</v>
      </c>
    </row>
    <row r="657" spans="1:2" x14ac:dyDescent="0.3">
      <c r="A657" t="s">
        <v>656</v>
      </c>
      <c r="B657">
        <v>61932</v>
      </c>
    </row>
    <row r="658" spans="1:2" x14ac:dyDescent="0.3">
      <c r="A658" t="s">
        <v>657</v>
      </c>
      <c r="B658">
        <v>62288</v>
      </c>
    </row>
    <row r="659" spans="1:2" x14ac:dyDescent="0.3">
      <c r="A659" t="s">
        <v>658</v>
      </c>
      <c r="B659">
        <v>62689</v>
      </c>
    </row>
    <row r="660" spans="1:2" x14ac:dyDescent="0.3">
      <c r="A660" t="s">
        <v>659</v>
      </c>
      <c r="B660">
        <v>63123</v>
      </c>
    </row>
    <row r="661" spans="1:2" x14ac:dyDescent="0.3">
      <c r="A661" t="s">
        <v>660</v>
      </c>
      <c r="B661">
        <v>63575</v>
      </c>
    </row>
    <row r="662" spans="1:2" x14ac:dyDescent="0.3">
      <c r="A662" t="s">
        <v>661</v>
      </c>
      <c r="B662">
        <v>64047</v>
      </c>
    </row>
    <row r="663" spans="1:2" x14ac:dyDescent="0.3">
      <c r="A663" t="s">
        <v>662</v>
      </c>
      <c r="B663">
        <v>64522</v>
      </c>
    </row>
    <row r="664" spans="1:2" x14ac:dyDescent="0.3">
      <c r="A664" t="s">
        <v>663</v>
      </c>
      <c r="B664">
        <v>64999</v>
      </c>
    </row>
    <row r="665" spans="1:2" x14ac:dyDescent="0.3">
      <c r="A665" t="s">
        <v>664</v>
      </c>
      <c r="B665">
        <v>65490</v>
      </c>
    </row>
    <row r="666" spans="1:2" x14ac:dyDescent="0.3">
      <c r="A666" t="s">
        <v>665</v>
      </c>
      <c r="B666">
        <v>448</v>
      </c>
    </row>
    <row r="667" spans="1:2" x14ac:dyDescent="0.3">
      <c r="A667" t="s">
        <v>666</v>
      </c>
      <c r="B667">
        <v>919</v>
      </c>
    </row>
    <row r="668" spans="1:2" x14ac:dyDescent="0.3">
      <c r="A668" t="s">
        <v>667</v>
      </c>
      <c r="B668">
        <v>1392</v>
      </c>
    </row>
    <row r="669" spans="1:2" x14ac:dyDescent="0.3">
      <c r="A669" t="s">
        <v>668</v>
      </c>
      <c r="B669">
        <v>1844</v>
      </c>
    </row>
    <row r="670" spans="1:2" x14ac:dyDescent="0.3">
      <c r="A670" t="s">
        <v>669</v>
      </c>
      <c r="B670">
        <v>2265</v>
      </c>
    </row>
    <row r="671" spans="1:2" x14ac:dyDescent="0.3">
      <c r="A671" t="s">
        <v>670</v>
      </c>
      <c r="B671">
        <v>2674</v>
      </c>
    </row>
    <row r="672" spans="1:2" x14ac:dyDescent="0.3">
      <c r="A672" t="s">
        <v>671</v>
      </c>
      <c r="B672">
        <v>3058</v>
      </c>
    </row>
    <row r="673" spans="1:2" x14ac:dyDescent="0.3">
      <c r="A673" t="s">
        <v>672</v>
      </c>
      <c r="B673">
        <v>3413</v>
      </c>
    </row>
    <row r="674" spans="1:2" x14ac:dyDescent="0.3">
      <c r="A674" t="s">
        <v>673</v>
      </c>
      <c r="B674">
        <v>3744</v>
      </c>
    </row>
    <row r="675" spans="1:2" x14ac:dyDescent="0.3">
      <c r="A675" t="s">
        <v>674</v>
      </c>
      <c r="B675">
        <v>4032</v>
      </c>
    </row>
    <row r="676" spans="1:2" x14ac:dyDescent="0.3">
      <c r="A676" t="s">
        <v>675</v>
      </c>
      <c r="B676">
        <v>4277</v>
      </c>
    </row>
    <row r="677" spans="1:2" x14ac:dyDescent="0.3">
      <c r="A677" t="s">
        <v>676</v>
      </c>
      <c r="B677">
        <v>4492</v>
      </c>
    </row>
    <row r="678" spans="1:2" x14ac:dyDescent="0.3">
      <c r="A678" t="s">
        <v>677</v>
      </c>
      <c r="B678">
        <v>4665</v>
      </c>
    </row>
    <row r="679" spans="1:2" x14ac:dyDescent="0.3">
      <c r="A679" t="s">
        <v>678</v>
      </c>
      <c r="B679">
        <v>4807</v>
      </c>
    </row>
    <row r="680" spans="1:2" x14ac:dyDescent="0.3">
      <c r="A680" t="s">
        <v>679</v>
      </c>
      <c r="B680">
        <v>4898</v>
      </c>
    </row>
    <row r="681" spans="1:2" x14ac:dyDescent="0.3">
      <c r="A681" t="s">
        <v>680</v>
      </c>
      <c r="B681">
        <v>4947</v>
      </c>
    </row>
    <row r="682" spans="1:2" x14ac:dyDescent="0.3">
      <c r="A682" t="s">
        <v>681</v>
      </c>
      <c r="B682">
        <v>4950</v>
      </c>
    </row>
    <row r="683" spans="1:2" x14ac:dyDescent="0.3">
      <c r="A683" t="s">
        <v>682</v>
      </c>
      <c r="B683">
        <v>4897</v>
      </c>
    </row>
    <row r="684" spans="1:2" x14ac:dyDescent="0.3">
      <c r="A684" t="s">
        <v>683</v>
      </c>
      <c r="B684">
        <v>4812</v>
      </c>
    </row>
    <row r="685" spans="1:2" x14ac:dyDescent="0.3">
      <c r="A685" t="s">
        <v>684</v>
      </c>
      <c r="B685">
        <v>4687</v>
      </c>
    </row>
    <row r="686" spans="1:2" x14ac:dyDescent="0.3">
      <c r="A686" t="s">
        <v>685</v>
      </c>
      <c r="B686">
        <v>4514</v>
      </c>
    </row>
    <row r="687" spans="1:2" x14ac:dyDescent="0.3">
      <c r="A687" t="s">
        <v>686</v>
      </c>
      <c r="B687">
        <v>4292</v>
      </c>
    </row>
    <row r="688" spans="1:2" x14ac:dyDescent="0.3">
      <c r="A688" t="s">
        <v>687</v>
      </c>
      <c r="B688">
        <v>4036</v>
      </c>
    </row>
    <row r="689" spans="1:2" x14ac:dyDescent="0.3">
      <c r="A689" t="s">
        <v>688</v>
      </c>
      <c r="B689">
        <v>3763</v>
      </c>
    </row>
    <row r="690" spans="1:2" x14ac:dyDescent="0.3">
      <c r="A690" t="s">
        <v>689</v>
      </c>
      <c r="B690">
        <v>3449</v>
      </c>
    </row>
    <row r="691" spans="1:2" x14ac:dyDescent="0.3">
      <c r="A691" t="s">
        <v>690</v>
      </c>
      <c r="B691">
        <v>3099</v>
      </c>
    </row>
    <row r="692" spans="1:2" x14ac:dyDescent="0.3">
      <c r="A692" t="s">
        <v>691</v>
      </c>
      <c r="B692">
        <v>2720</v>
      </c>
    </row>
    <row r="693" spans="1:2" x14ac:dyDescent="0.3">
      <c r="A693" t="s">
        <v>692</v>
      </c>
      <c r="B693">
        <v>2231</v>
      </c>
    </row>
    <row r="694" spans="1:2" x14ac:dyDescent="0.3">
      <c r="A694" t="s">
        <v>693</v>
      </c>
      <c r="B694">
        <v>826</v>
      </c>
    </row>
    <row r="695" spans="1:2" x14ac:dyDescent="0.3">
      <c r="A695" t="s">
        <v>694</v>
      </c>
      <c r="B695">
        <v>65413</v>
      </c>
    </row>
    <row r="696" spans="1:2" x14ac:dyDescent="0.3">
      <c r="A696" t="s">
        <v>695</v>
      </c>
      <c r="B696">
        <v>65378</v>
      </c>
    </row>
    <row r="697" spans="1:2" x14ac:dyDescent="0.3">
      <c r="A697" t="s">
        <v>696</v>
      </c>
      <c r="B697">
        <v>65377</v>
      </c>
    </row>
    <row r="698" spans="1:2" x14ac:dyDescent="0.3">
      <c r="A698" t="s">
        <v>697</v>
      </c>
      <c r="B698">
        <v>65382</v>
      </c>
    </row>
    <row r="699" spans="1:2" x14ac:dyDescent="0.3">
      <c r="A699" t="s">
        <v>698</v>
      </c>
      <c r="B699">
        <v>65378</v>
      </c>
    </row>
    <row r="700" spans="1:2" x14ac:dyDescent="0.3">
      <c r="A700" t="s">
        <v>699</v>
      </c>
      <c r="B700">
        <v>65378</v>
      </c>
    </row>
    <row r="701" spans="1:2" x14ac:dyDescent="0.3">
      <c r="A701" t="s">
        <v>700</v>
      </c>
      <c r="B701">
        <v>65380</v>
      </c>
    </row>
    <row r="702" spans="1:2" x14ac:dyDescent="0.3">
      <c r="A702" t="s">
        <v>701</v>
      </c>
      <c r="B702">
        <v>65382</v>
      </c>
    </row>
    <row r="703" spans="1:2" x14ac:dyDescent="0.3">
      <c r="A703" t="s">
        <v>702</v>
      </c>
      <c r="B703">
        <v>65386</v>
      </c>
    </row>
    <row r="704" spans="1:2" x14ac:dyDescent="0.3">
      <c r="A704" t="s">
        <v>703</v>
      </c>
      <c r="B704">
        <v>65386</v>
      </c>
    </row>
    <row r="705" spans="1:2" x14ac:dyDescent="0.3">
      <c r="A705" t="s">
        <v>704</v>
      </c>
      <c r="B705">
        <v>65382</v>
      </c>
    </row>
    <row r="706" spans="1:2" x14ac:dyDescent="0.3">
      <c r="A706" t="s">
        <v>705</v>
      </c>
      <c r="B706">
        <v>65379</v>
      </c>
    </row>
    <row r="707" spans="1:2" x14ac:dyDescent="0.3">
      <c r="A707" t="s">
        <v>706</v>
      </c>
      <c r="B707">
        <v>65383</v>
      </c>
    </row>
    <row r="708" spans="1:2" x14ac:dyDescent="0.3">
      <c r="A708" t="s">
        <v>707</v>
      </c>
      <c r="B708">
        <v>65392</v>
      </c>
    </row>
    <row r="709" spans="1:2" x14ac:dyDescent="0.3">
      <c r="A709" t="s">
        <v>708</v>
      </c>
      <c r="B709">
        <v>65385</v>
      </c>
    </row>
    <row r="710" spans="1:2" x14ac:dyDescent="0.3">
      <c r="A710" t="s">
        <v>709</v>
      </c>
      <c r="B710">
        <v>65366</v>
      </c>
    </row>
    <row r="711" spans="1:2" x14ac:dyDescent="0.3">
      <c r="A711" t="s">
        <v>710</v>
      </c>
      <c r="B711">
        <v>65373</v>
      </c>
    </row>
    <row r="712" spans="1:2" x14ac:dyDescent="0.3">
      <c r="A712" t="s">
        <v>711</v>
      </c>
      <c r="B712">
        <v>65380</v>
      </c>
    </row>
    <row r="713" spans="1:2" x14ac:dyDescent="0.3">
      <c r="A713" t="s">
        <v>712</v>
      </c>
      <c r="B713">
        <v>65384</v>
      </c>
    </row>
    <row r="714" spans="1:2" x14ac:dyDescent="0.3">
      <c r="A714" t="s">
        <v>713</v>
      </c>
      <c r="B714">
        <v>65383</v>
      </c>
    </row>
    <row r="715" spans="1:2" x14ac:dyDescent="0.3">
      <c r="A715" t="s">
        <v>714</v>
      </c>
      <c r="B715">
        <v>65379</v>
      </c>
    </row>
    <row r="716" spans="1:2" x14ac:dyDescent="0.3">
      <c r="A716" t="s">
        <v>715</v>
      </c>
      <c r="B716">
        <v>65389</v>
      </c>
    </row>
    <row r="717" spans="1:2" x14ac:dyDescent="0.3">
      <c r="A717" t="s">
        <v>716</v>
      </c>
      <c r="B717">
        <v>65390</v>
      </c>
    </row>
    <row r="718" spans="1:2" x14ac:dyDescent="0.3">
      <c r="A718" t="s">
        <v>717</v>
      </c>
      <c r="B718">
        <v>65386</v>
      </c>
    </row>
    <row r="719" spans="1:2" x14ac:dyDescent="0.3">
      <c r="A719" t="s">
        <v>718</v>
      </c>
      <c r="B719">
        <v>65385</v>
      </c>
    </row>
    <row r="720" spans="1:2" x14ac:dyDescent="0.3">
      <c r="A720" t="s">
        <v>719</v>
      </c>
      <c r="B720">
        <v>65384</v>
      </c>
    </row>
    <row r="721" spans="1:2" x14ac:dyDescent="0.3">
      <c r="A721" t="s">
        <v>720</v>
      </c>
      <c r="B721">
        <v>65375</v>
      </c>
    </row>
    <row r="722" spans="1:2" x14ac:dyDescent="0.3">
      <c r="A722" t="s">
        <v>721</v>
      </c>
      <c r="B722">
        <v>64956</v>
      </c>
    </row>
    <row r="723" spans="1:2" x14ac:dyDescent="0.3">
      <c r="A723" t="s">
        <v>722</v>
      </c>
      <c r="B723">
        <v>62512</v>
      </c>
    </row>
    <row r="724" spans="1:2" x14ac:dyDescent="0.3">
      <c r="A724" t="s">
        <v>723</v>
      </c>
      <c r="B724">
        <v>62024</v>
      </c>
    </row>
    <row r="725" spans="1:2" x14ac:dyDescent="0.3">
      <c r="A725" t="s">
        <v>724</v>
      </c>
      <c r="B725">
        <v>62433</v>
      </c>
    </row>
    <row r="726" spans="1:2" x14ac:dyDescent="0.3">
      <c r="A726" t="s">
        <v>725</v>
      </c>
      <c r="B726">
        <v>62846</v>
      </c>
    </row>
    <row r="727" spans="1:2" x14ac:dyDescent="0.3">
      <c r="A727" t="s">
        <v>726</v>
      </c>
      <c r="B727">
        <v>63272</v>
      </c>
    </row>
    <row r="728" spans="1:2" x14ac:dyDescent="0.3">
      <c r="A728" t="s">
        <v>727</v>
      </c>
      <c r="B728">
        <v>63727</v>
      </c>
    </row>
    <row r="729" spans="1:2" x14ac:dyDescent="0.3">
      <c r="A729" t="s">
        <v>728</v>
      </c>
      <c r="B729">
        <v>64204</v>
      </c>
    </row>
    <row r="730" spans="1:2" x14ac:dyDescent="0.3">
      <c r="A730" t="s">
        <v>729</v>
      </c>
      <c r="B730">
        <v>64698</v>
      </c>
    </row>
    <row r="731" spans="1:2" x14ac:dyDescent="0.3">
      <c r="A731" t="s">
        <v>730</v>
      </c>
      <c r="B731">
        <v>65172</v>
      </c>
    </row>
    <row r="732" spans="1:2" x14ac:dyDescent="0.3">
      <c r="A732" t="s">
        <v>731</v>
      </c>
      <c r="B732">
        <v>125</v>
      </c>
    </row>
    <row r="733" spans="1:2" x14ac:dyDescent="0.3">
      <c r="A733" t="s">
        <v>732</v>
      </c>
      <c r="B733">
        <v>612</v>
      </c>
    </row>
    <row r="734" spans="1:2" x14ac:dyDescent="0.3">
      <c r="A734" t="s">
        <v>733</v>
      </c>
      <c r="B734">
        <v>1088</v>
      </c>
    </row>
    <row r="735" spans="1:2" x14ac:dyDescent="0.3">
      <c r="A735" t="s">
        <v>734</v>
      </c>
      <c r="B735">
        <v>1541</v>
      </c>
    </row>
    <row r="736" spans="1:2" x14ac:dyDescent="0.3">
      <c r="A736" t="s">
        <v>735</v>
      </c>
      <c r="B736">
        <v>1978</v>
      </c>
    </row>
    <row r="737" spans="1:2" x14ac:dyDescent="0.3">
      <c r="A737" t="s">
        <v>736</v>
      </c>
      <c r="B737">
        <v>2413</v>
      </c>
    </row>
    <row r="738" spans="1:2" x14ac:dyDescent="0.3">
      <c r="A738" t="s">
        <v>737</v>
      </c>
      <c r="B738">
        <v>2818</v>
      </c>
    </row>
    <row r="739" spans="1:2" x14ac:dyDescent="0.3">
      <c r="A739" t="s">
        <v>738</v>
      </c>
      <c r="B739">
        <v>3198</v>
      </c>
    </row>
    <row r="740" spans="1:2" x14ac:dyDescent="0.3">
      <c r="A740" t="s">
        <v>739</v>
      </c>
      <c r="B740">
        <v>3544</v>
      </c>
    </row>
    <row r="741" spans="1:2" x14ac:dyDescent="0.3">
      <c r="A741" t="s">
        <v>740</v>
      </c>
      <c r="B741">
        <v>3851</v>
      </c>
    </row>
    <row r="742" spans="1:2" x14ac:dyDescent="0.3">
      <c r="A742" t="s">
        <v>741</v>
      </c>
      <c r="B742">
        <v>4123</v>
      </c>
    </row>
    <row r="743" spans="1:2" x14ac:dyDescent="0.3">
      <c r="A743" t="s">
        <v>742</v>
      </c>
      <c r="B743">
        <v>4371</v>
      </c>
    </row>
    <row r="744" spans="1:2" x14ac:dyDescent="0.3">
      <c r="A744" t="s">
        <v>743</v>
      </c>
      <c r="B744">
        <v>4565</v>
      </c>
    </row>
    <row r="745" spans="1:2" x14ac:dyDescent="0.3">
      <c r="A745" t="s">
        <v>744</v>
      </c>
      <c r="B745">
        <v>4729</v>
      </c>
    </row>
    <row r="746" spans="1:2" x14ac:dyDescent="0.3">
      <c r="A746" t="s">
        <v>745</v>
      </c>
      <c r="B746">
        <v>4852</v>
      </c>
    </row>
    <row r="747" spans="1:2" x14ac:dyDescent="0.3">
      <c r="A747" t="s">
        <v>746</v>
      </c>
      <c r="B747">
        <v>4920</v>
      </c>
    </row>
    <row r="748" spans="1:2" x14ac:dyDescent="0.3">
      <c r="A748" t="s">
        <v>747</v>
      </c>
      <c r="B748">
        <v>4952</v>
      </c>
    </row>
    <row r="749" spans="1:2" x14ac:dyDescent="0.3">
      <c r="A749" t="s">
        <v>748</v>
      </c>
      <c r="B749">
        <v>4941</v>
      </c>
    </row>
    <row r="750" spans="1:2" x14ac:dyDescent="0.3">
      <c r="A750" t="s">
        <v>749</v>
      </c>
      <c r="B750">
        <v>4880</v>
      </c>
    </row>
    <row r="751" spans="1:2" x14ac:dyDescent="0.3">
      <c r="A751" t="s">
        <v>750</v>
      </c>
      <c r="B751">
        <v>4776</v>
      </c>
    </row>
    <row r="752" spans="1:2" x14ac:dyDescent="0.3">
      <c r="A752" t="s">
        <v>751</v>
      </c>
      <c r="B752">
        <v>4627</v>
      </c>
    </row>
    <row r="753" spans="1:2" x14ac:dyDescent="0.3">
      <c r="A753" t="s">
        <v>752</v>
      </c>
      <c r="B753">
        <v>4444</v>
      </c>
    </row>
    <row r="754" spans="1:2" x14ac:dyDescent="0.3">
      <c r="A754" t="s">
        <v>753</v>
      </c>
      <c r="B754">
        <v>4223</v>
      </c>
    </row>
    <row r="755" spans="1:2" x14ac:dyDescent="0.3">
      <c r="A755" t="s">
        <v>754</v>
      </c>
      <c r="B755">
        <v>3956</v>
      </c>
    </row>
    <row r="756" spans="1:2" x14ac:dyDescent="0.3">
      <c r="A756" t="s">
        <v>755</v>
      </c>
      <c r="B756">
        <v>3665</v>
      </c>
    </row>
    <row r="757" spans="1:2" x14ac:dyDescent="0.3">
      <c r="A757" t="s">
        <v>756</v>
      </c>
      <c r="B757">
        <v>3328</v>
      </c>
    </row>
    <row r="758" spans="1:2" x14ac:dyDescent="0.3">
      <c r="A758" t="s">
        <v>757</v>
      </c>
      <c r="B758">
        <v>2962</v>
      </c>
    </row>
    <row r="759" spans="1:2" x14ac:dyDescent="0.3">
      <c r="A759" t="s">
        <v>758</v>
      </c>
      <c r="B759">
        <v>2575</v>
      </c>
    </row>
    <row r="760" spans="1:2" x14ac:dyDescent="0.3">
      <c r="A760" t="s">
        <v>759</v>
      </c>
      <c r="B760">
        <v>1941</v>
      </c>
    </row>
    <row r="761" spans="1:2" x14ac:dyDescent="0.3">
      <c r="A761" t="s">
        <v>760</v>
      </c>
      <c r="B761">
        <v>377</v>
      </c>
    </row>
    <row r="762" spans="1:2" x14ac:dyDescent="0.3">
      <c r="A762" t="s">
        <v>761</v>
      </c>
      <c r="B762">
        <v>65377</v>
      </c>
    </row>
    <row r="763" spans="1:2" x14ac:dyDescent="0.3">
      <c r="A763" t="s">
        <v>762</v>
      </c>
      <c r="B763">
        <v>65382</v>
      </c>
    </row>
    <row r="764" spans="1:2" x14ac:dyDescent="0.3">
      <c r="A764" t="s">
        <v>763</v>
      </c>
      <c r="B764">
        <v>65384</v>
      </c>
    </row>
    <row r="765" spans="1:2" x14ac:dyDescent="0.3">
      <c r="A765" t="s">
        <v>764</v>
      </c>
      <c r="B765">
        <v>65379</v>
      </c>
    </row>
    <row r="766" spans="1:2" x14ac:dyDescent="0.3">
      <c r="A766" t="s">
        <v>765</v>
      </c>
      <c r="B766">
        <v>65376</v>
      </c>
    </row>
    <row r="767" spans="1:2" x14ac:dyDescent="0.3">
      <c r="A767" t="s">
        <v>766</v>
      </c>
      <c r="B767">
        <v>65392</v>
      </c>
    </row>
    <row r="768" spans="1:2" x14ac:dyDescent="0.3">
      <c r="A768" t="s">
        <v>767</v>
      </c>
      <c r="B768">
        <v>65389</v>
      </c>
    </row>
    <row r="769" spans="1:2" x14ac:dyDescent="0.3">
      <c r="A769" t="s">
        <v>768</v>
      </c>
      <c r="B769">
        <v>65377</v>
      </c>
    </row>
    <row r="770" spans="1:2" x14ac:dyDescent="0.3">
      <c r="A770" t="s">
        <v>769</v>
      </c>
      <c r="B770">
        <v>65378</v>
      </c>
    </row>
    <row r="771" spans="1:2" x14ac:dyDescent="0.3">
      <c r="A771" t="s">
        <v>770</v>
      </c>
      <c r="B771">
        <v>65381</v>
      </c>
    </row>
    <row r="772" spans="1:2" x14ac:dyDescent="0.3">
      <c r="A772" t="s">
        <v>771</v>
      </c>
      <c r="B772">
        <v>65378</v>
      </c>
    </row>
    <row r="773" spans="1:2" x14ac:dyDescent="0.3">
      <c r="A773" t="s">
        <v>772</v>
      </c>
      <c r="B773">
        <v>65377</v>
      </c>
    </row>
    <row r="774" spans="1:2" x14ac:dyDescent="0.3">
      <c r="A774" t="s">
        <v>773</v>
      </c>
      <c r="B774">
        <v>65376</v>
      </c>
    </row>
    <row r="775" spans="1:2" x14ac:dyDescent="0.3">
      <c r="A775" t="s">
        <v>774</v>
      </c>
      <c r="B775">
        <v>65379</v>
      </c>
    </row>
    <row r="776" spans="1:2" x14ac:dyDescent="0.3">
      <c r="A776" t="s">
        <v>775</v>
      </c>
      <c r="B776">
        <v>65377</v>
      </c>
    </row>
    <row r="777" spans="1:2" x14ac:dyDescent="0.3">
      <c r="A777" t="s">
        <v>776</v>
      </c>
      <c r="B777">
        <v>65382</v>
      </c>
    </row>
    <row r="778" spans="1:2" x14ac:dyDescent="0.3">
      <c r="A778" t="s">
        <v>777</v>
      </c>
      <c r="B778">
        <v>65381</v>
      </c>
    </row>
    <row r="779" spans="1:2" x14ac:dyDescent="0.3">
      <c r="A779" t="s">
        <v>778</v>
      </c>
      <c r="B779">
        <v>65371</v>
      </c>
    </row>
    <row r="780" spans="1:2" x14ac:dyDescent="0.3">
      <c r="A780" t="s">
        <v>779</v>
      </c>
      <c r="B780">
        <v>65377</v>
      </c>
    </row>
    <row r="781" spans="1:2" x14ac:dyDescent="0.3">
      <c r="A781" t="s">
        <v>780</v>
      </c>
      <c r="B781">
        <v>65380</v>
      </c>
    </row>
    <row r="782" spans="1:2" x14ac:dyDescent="0.3">
      <c r="A782" t="s">
        <v>781</v>
      </c>
      <c r="B782">
        <v>65382</v>
      </c>
    </row>
    <row r="783" spans="1:2" x14ac:dyDescent="0.3">
      <c r="A783" t="s">
        <v>782</v>
      </c>
      <c r="B783">
        <v>65388</v>
      </c>
    </row>
    <row r="784" spans="1:2" x14ac:dyDescent="0.3">
      <c r="A784" t="s">
        <v>783</v>
      </c>
      <c r="B784">
        <v>65384</v>
      </c>
    </row>
    <row r="785" spans="1:2" x14ac:dyDescent="0.3">
      <c r="A785" t="s">
        <v>784</v>
      </c>
      <c r="B785">
        <v>65382</v>
      </c>
    </row>
    <row r="786" spans="1:2" x14ac:dyDescent="0.3">
      <c r="A786" t="s">
        <v>785</v>
      </c>
      <c r="B786">
        <v>65381</v>
      </c>
    </row>
    <row r="787" spans="1:2" x14ac:dyDescent="0.3">
      <c r="A787" t="s">
        <v>786</v>
      </c>
      <c r="B787">
        <v>65379</v>
      </c>
    </row>
    <row r="788" spans="1:2" x14ac:dyDescent="0.3">
      <c r="A788" t="s">
        <v>787</v>
      </c>
      <c r="B788">
        <v>65370</v>
      </c>
    </row>
    <row r="789" spans="1:2" x14ac:dyDescent="0.3">
      <c r="A789" t="s">
        <v>788</v>
      </c>
      <c r="B789">
        <v>64190</v>
      </c>
    </row>
    <row r="790" spans="1:2" x14ac:dyDescent="0.3">
      <c r="A790" t="s">
        <v>789</v>
      </c>
      <c r="B790">
        <v>62045</v>
      </c>
    </row>
    <row r="791" spans="1:2" x14ac:dyDescent="0.3">
      <c r="A791" t="s">
        <v>790</v>
      </c>
      <c r="B791">
        <v>62183</v>
      </c>
    </row>
    <row r="792" spans="1:2" x14ac:dyDescent="0.3">
      <c r="A792" t="s">
        <v>791</v>
      </c>
      <c r="B792">
        <v>62573</v>
      </c>
    </row>
    <row r="793" spans="1:2" x14ac:dyDescent="0.3">
      <c r="A793" t="s">
        <v>792</v>
      </c>
      <c r="B793">
        <v>63000</v>
      </c>
    </row>
    <row r="794" spans="1:2" x14ac:dyDescent="0.3">
      <c r="A794" t="s">
        <v>793</v>
      </c>
      <c r="B794">
        <v>63452</v>
      </c>
    </row>
    <row r="795" spans="1:2" x14ac:dyDescent="0.3">
      <c r="A795" t="s">
        <v>794</v>
      </c>
      <c r="B795">
        <v>63913</v>
      </c>
    </row>
    <row r="796" spans="1:2" x14ac:dyDescent="0.3">
      <c r="A796" t="s">
        <v>795</v>
      </c>
      <c r="B796">
        <v>64376</v>
      </c>
    </row>
    <row r="797" spans="1:2" x14ac:dyDescent="0.3">
      <c r="A797" t="s">
        <v>796</v>
      </c>
      <c r="B797">
        <v>64850</v>
      </c>
    </row>
    <row r="798" spans="1:2" x14ac:dyDescent="0.3">
      <c r="A798" t="s">
        <v>797</v>
      </c>
      <c r="B798">
        <v>65337</v>
      </c>
    </row>
    <row r="799" spans="1:2" x14ac:dyDescent="0.3">
      <c r="A799" t="s">
        <v>798</v>
      </c>
      <c r="B799">
        <v>297</v>
      </c>
    </row>
    <row r="800" spans="1:2" x14ac:dyDescent="0.3">
      <c r="A800" t="s">
        <v>799</v>
      </c>
      <c r="B800">
        <v>780</v>
      </c>
    </row>
    <row r="801" spans="1:2" x14ac:dyDescent="0.3">
      <c r="A801" t="s">
        <v>800</v>
      </c>
      <c r="B801">
        <v>1249</v>
      </c>
    </row>
    <row r="802" spans="1:2" x14ac:dyDescent="0.3">
      <c r="A802" t="s">
        <v>801</v>
      </c>
      <c r="B802">
        <v>1712</v>
      </c>
    </row>
    <row r="803" spans="1:2" x14ac:dyDescent="0.3">
      <c r="A803" t="s">
        <v>802</v>
      </c>
      <c r="B803">
        <v>2142</v>
      </c>
    </row>
    <row r="804" spans="1:2" x14ac:dyDescent="0.3">
      <c r="A804" t="s">
        <v>803</v>
      </c>
      <c r="B804">
        <v>2555</v>
      </c>
    </row>
    <row r="805" spans="1:2" x14ac:dyDescent="0.3">
      <c r="A805" t="s">
        <v>804</v>
      </c>
      <c r="B805">
        <v>2952</v>
      </c>
    </row>
    <row r="806" spans="1:2" x14ac:dyDescent="0.3">
      <c r="A806" t="s">
        <v>805</v>
      </c>
      <c r="B806">
        <v>3317</v>
      </c>
    </row>
    <row r="807" spans="1:2" x14ac:dyDescent="0.3">
      <c r="A807" t="s">
        <v>806</v>
      </c>
      <c r="B807">
        <v>3650</v>
      </c>
    </row>
    <row r="808" spans="1:2" x14ac:dyDescent="0.3">
      <c r="A808" t="s">
        <v>807</v>
      </c>
      <c r="B808">
        <v>3958</v>
      </c>
    </row>
    <row r="809" spans="1:2" x14ac:dyDescent="0.3">
      <c r="A809" t="s">
        <v>808</v>
      </c>
      <c r="B809">
        <v>4219</v>
      </c>
    </row>
    <row r="810" spans="1:2" x14ac:dyDescent="0.3">
      <c r="A810" t="s">
        <v>809</v>
      </c>
      <c r="B810">
        <v>4436</v>
      </c>
    </row>
    <row r="811" spans="1:2" x14ac:dyDescent="0.3">
      <c r="A811" t="s">
        <v>810</v>
      </c>
      <c r="B811">
        <v>4625</v>
      </c>
    </row>
    <row r="812" spans="1:2" x14ac:dyDescent="0.3">
      <c r="A812" t="s">
        <v>811</v>
      </c>
      <c r="B812">
        <v>4783</v>
      </c>
    </row>
    <row r="813" spans="1:2" x14ac:dyDescent="0.3">
      <c r="A813" t="s">
        <v>812</v>
      </c>
      <c r="B813">
        <v>4876</v>
      </c>
    </row>
    <row r="814" spans="1:2" x14ac:dyDescent="0.3">
      <c r="A814" t="s">
        <v>813</v>
      </c>
      <c r="B814">
        <v>4936</v>
      </c>
    </row>
    <row r="815" spans="1:2" x14ac:dyDescent="0.3">
      <c r="A815" t="s">
        <v>814</v>
      </c>
      <c r="B815">
        <v>4952</v>
      </c>
    </row>
    <row r="816" spans="1:2" x14ac:dyDescent="0.3">
      <c r="A816" t="s">
        <v>815</v>
      </c>
      <c r="B816">
        <v>4920</v>
      </c>
    </row>
    <row r="817" spans="1:2" x14ac:dyDescent="0.3">
      <c r="A817" t="s">
        <v>816</v>
      </c>
      <c r="B817">
        <v>4836</v>
      </c>
    </row>
    <row r="818" spans="1:2" x14ac:dyDescent="0.3">
      <c r="A818" t="s">
        <v>817</v>
      </c>
      <c r="B818">
        <v>4722</v>
      </c>
    </row>
    <row r="819" spans="1:2" x14ac:dyDescent="0.3">
      <c r="A819" t="s">
        <v>818</v>
      </c>
      <c r="B819">
        <v>4563</v>
      </c>
    </row>
    <row r="820" spans="1:2" x14ac:dyDescent="0.3">
      <c r="A820" t="s">
        <v>819</v>
      </c>
      <c r="B820">
        <v>4355</v>
      </c>
    </row>
    <row r="821" spans="1:2" x14ac:dyDescent="0.3">
      <c r="A821" t="s">
        <v>820</v>
      </c>
      <c r="B821">
        <v>4119</v>
      </c>
    </row>
    <row r="822" spans="1:2" x14ac:dyDescent="0.3">
      <c r="A822" t="s">
        <v>821</v>
      </c>
      <c r="B822">
        <v>3845</v>
      </c>
    </row>
    <row r="823" spans="1:2" x14ac:dyDescent="0.3">
      <c r="A823" t="s">
        <v>822</v>
      </c>
      <c r="B823">
        <v>3539</v>
      </c>
    </row>
    <row r="824" spans="1:2" x14ac:dyDescent="0.3">
      <c r="A824" t="s">
        <v>823</v>
      </c>
      <c r="B824">
        <v>3198</v>
      </c>
    </row>
    <row r="825" spans="1:2" x14ac:dyDescent="0.3">
      <c r="A825" t="s">
        <v>824</v>
      </c>
      <c r="B825">
        <v>2837</v>
      </c>
    </row>
    <row r="826" spans="1:2" x14ac:dyDescent="0.3">
      <c r="A826" t="s">
        <v>825</v>
      </c>
      <c r="B826">
        <v>2279</v>
      </c>
    </row>
    <row r="827" spans="1:2" x14ac:dyDescent="0.3">
      <c r="A827" t="s">
        <v>826</v>
      </c>
      <c r="B827">
        <v>684</v>
      </c>
    </row>
    <row r="828" spans="1:2" x14ac:dyDescent="0.3">
      <c r="A828" t="s">
        <v>827</v>
      </c>
      <c r="B828">
        <v>65405</v>
      </c>
    </row>
    <row r="829" spans="1:2" x14ac:dyDescent="0.3">
      <c r="A829" t="s">
        <v>828</v>
      </c>
      <c r="B829">
        <v>65381</v>
      </c>
    </row>
    <row r="830" spans="1:2" x14ac:dyDescent="0.3">
      <c r="A830" t="s">
        <v>829</v>
      </c>
      <c r="B830">
        <v>65393</v>
      </c>
    </row>
    <row r="831" spans="1:2" x14ac:dyDescent="0.3">
      <c r="A831" t="s">
        <v>830</v>
      </c>
      <c r="B831">
        <v>65385</v>
      </c>
    </row>
    <row r="832" spans="1:2" x14ac:dyDescent="0.3">
      <c r="A832" t="s">
        <v>831</v>
      </c>
      <c r="B832">
        <v>65380</v>
      </c>
    </row>
    <row r="833" spans="1:2" x14ac:dyDescent="0.3">
      <c r="A833" t="s">
        <v>832</v>
      </c>
      <c r="B833">
        <v>65390</v>
      </c>
    </row>
    <row r="834" spans="1:2" x14ac:dyDescent="0.3">
      <c r="A834" t="s">
        <v>833</v>
      </c>
      <c r="B834">
        <v>65384</v>
      </c>
    </row>
    <row r="835" spans="1:2" x14ac:dyDescent="0.3">
      <c r="A835" t="s">
        <v>834</v>
      </c>
      <c r="B835">
        <v>65377</v>
      </c>
    </row>
    <row r="836" spans="1:2" x14ac:dyDescent="0.3">
      <c r="A836" t="s">
        <v>835</v>
      </c>
      <c r="B836">
        <v>65376</v>
      </c>
    </row>
    <row r="837" spans="1:2" x14ac:dyDescent="0.3">
      <c r="A837" t="s">
        <v>836</v>
      </c>
      <c r="B837">
        <v>65370</v>
      </c>
    </row>
    <row r="838" spans="1:2" x14ac:dyDescent="0.3">
      <c r="A838" t="s">
        <v>837</v>
      </c>
      <c r="B838">
        <v>65376</v>
      </c>
    </row>
    <row r="839" spans="1:2" x14ac:dyDescent="0.3">
      <c r="A839" t="s">
        <v>838</v>
      </c>
      <c r="B839">
        <v>65388</v>
      </c>
    </row>
    <row r="840" spans="1:2" x14ac:dyDescent="0.3">
      <c r="A840" t="s">
        <v>839</v>
      </c>
      <c r="B840">
        <v>65387</v>
      </c>
    </row>
    <row r="841" spans="1:2" x14ac:dyDescent="0.3">
      <c r="A841" t="s">
        <v>840</v>
      </c>
      <c r="B841">
        <v>65391</v>
      </c>
    </row>
    <row r="842" spans="1:2" x14ac:dyDescent="0.3">
      <c r="A842" t="s">
        <v>841</v>
      </c>
      <c r="B842">
        <v>65389</v>
      </c>
    </row>
    <row r="843" spans="1:2" x14ac:dyDescent="0.3">
      <c r="A843" t="s">
        <v>842</v>
      </c>
      <c r="B843">
        <v>65383</v>
      </c>
    </row>
    <row r="844" spans="1:2" x14ac:dyDescent="0.3">
      <c r="A844" t="s">
        <v>843</v>
      </c>
      <c r="B844">
        <v>65376</v>
      </c>
    </row>
    <row r="845" spans="1:2" x14ac:dyDescent="0.3">
      <c r="A845" t="s">
        <v>844</v>
      </c>
      <c r="B845">
        <v>65376</v>
      </c>
    </row>
    <row r="846" spans="1:2" x14ac:dyDescent="0.3">
      <c r="A846" t="s">
        <v>845</v>
      </c>
      <c r="B846">
        <v>65381</v>
      </c>
    </row>
    <row r="847" spans="1:2" x14ac:dyDescent="0.3">
      <c r="A847" t="s">
        <v>846</v>
      </c>
      <c r="B847">
        <v>65382</v>
      </c>
    </row>
    <row r="848" spans="1:2" x14ac:dyDescent="0.3">
      <c r="A848" t="s">
        <v>847</v>
      </c>
      <c r="B848">
        <v>65373</v>
      </c>
    </row>
    <row r="849" spans="1:2" x14ac:dyDescent="0.3">
      <c r="A849" t="s">
        <v>848</v>
      </c>
      <c r="B849">
        <v>65364</v>
      </c>
    </row>
    <row r="850" spans="1:2" x14ac:dyDescent="0.3">
      <c r="A850" t="s">
        <v>849</v>
      </c>
      <c r="B850">
        <v>65379</v>
      </c>
    </row>
    <row r="851" spans="1:2" x14ac:dyDescent="0.3">
      <c r="A851" t="s">
        <v>850</v>
      </c>
      <c r="B851">
        <v>65383</v>
      </c>
    </row>
    <row r="852" spans="1:2" x14ac:dyDescent="0.3">
      <c r="A852" t="s">
        <v>851</v>
      </c>
      <c r="B852">
        <v>65380</v>
      </c>
    </row>
    <row r="853" spans="1:2" x14ac:dyDescent="0.3">
      <c r="A853" t="s">
        <v>852</v>
      </c>
      <c r="B853">
        <v>65387</v>
      </c>
    </row>
    <row r="854" spans="1:2" x14ac:dyDescent="0.3">
      <c r="A854" t="s">
        <v>853</v>
      </c>
      <c r="B854">
        <v>65382</v>
      </c>
    </row>
    <row r="855" spans="1:2" x14ac:dyDescent="0.3">
      <c r="A855" t="s">
        <v>854</v>
      </c>
      <c r="B855">
        <v>65240</v>
      </c>
    </row>
    <row r="856" spans="1:2" x14ac:dyDescent="0.3">
      <c r="A856" t="s">
        <v>855</v>
      </c>
      <c r="B856">
        <v>63301</v>
      </c>
    </row>
    <row r="857" spans="1:2" x14ac:dyDescent="0.3">
      <c r="A857" t="s">
        <v>856</v>
      </c>
      <c r="B857">
        <v>61979</v>
      </c>
    </row>
    <row r="858" spans="1:2" x14ac:dyDescent="0.3">
      <c r="A858" t="s">
        <v>857</v>
      </c>
      <c r="B858">
        <v>62318</v>
      </c>
    </row>
    <row r="859" spans="1:2" x14ac:dyDescent="0.3">
      <c r="A859" t="s">
        <v>858</v>
      </c>
      <c r="B859">
        <v>62723</v>
      </c>
    </row>
    <row r="860" spans="1:2" x14ac:dyDescent="0.3">
      <c r="A860" t="s">
        <v>859</v>
      </c>
      <c r="B860">
        <v>63156</v>
      </c>
    </row>
    <row r="861" spans="1:2" x14ac:dyDescent="0.3">
      <c r="A861" t="s">
        <v>860</v>
      </c>
      <c r="B861">
        <v>63603</v>
      </c>
    </row>
    <row r="862" spans="1:2" x14ac:dyDescent="0.3">
      <c r="A862" t="s">
        <v>861</v>
      </c>
      <c r="B862">
        <v>64078</v>
      </c>
    </row>
    <row r="863" spans="1:2" x14ac:dyDescent="0.3">
      <c r="A863" t="s">
        <v>862</v>
      </c>
      <c r="B863">
        <v>64553</v>
      </c>
    </row>
    <row r="864" spans="1:2" x14ac:dyDescent="0.3">
      <c r="A864" t="s">
        <v>863</v>
      </c>
      <c r="B864">
        <v>65040</v>
      </c>
    </row>
    <row r="865" spans="1:2" x14ac:dyDescent="0.3">
      <c r="A865" t="s">
        <v>864</v>
      </c>
      <c r="B865">
        <v>65530</v>
      </c>
    </row>
    <row r="866" spans="1:2" x14ac:dyDescent="0.3">
      <c r="A866" t="s">
        <v>865</v>
      </c>
      <c r="B866">
        <v>474</v>
      </c>
    </row>
    <row r="867" spans="1:2" x14ac:dyDescent="0.3">
      <c r="A867" t="s">
        <v>866</v>
      </c>
      <c r="B867">
        <v>942</v>
      </c>
    </row>
    <row r="868" spans="1:2" x14ac:dyDescent="0.3">
      <c r="A868" t="s">
        <v>867</v>
      </c>
      <c r="B868">
        <v>1400</v>
      </c>
    </row>
    <row r="869" spans="1:2" x14ac:dyDescent="0.3">
      <c r="A869" t="s">
        <v>868</v>
      </c>
      <c r="B869">
        <v>1848</v>
      </c>
    </row>
    <row r="870" spans="1:2" x14ac:dyDescent="0.3">
      <c r="A870" t="s">
        <v>869</v>
      </c>
      <c r="B870">
        <v>2288</v>
      </c>
    </row>
    <row r="871" spans="1:2" x14ac:dyDescent="0.3">
      <c r="A871" t="s">
        <v>870</v>
      </c>
      <c r="B871">
        <v>2706</v>
      </c>
    </row>
    <row r="872" spans="1:2" x14ac:dyDescent="0.3">
      <c r="A872" t="s">
        <v>871</v>
      </c>
      <c r="B872">
        <v>3082</v>
      </c>
    </row>
    <row r="873" spans="1:2" x14ac:dyDescent="0.3">
      <c r="A873" t="s">
        <v>872</v>
      </c>
      <c r="B873">
        <v>3434</v>
      </c>
    </row>
    <row r="874" spans="1:2" x14ac:dyDescent="0.3">
      <c r="A874" t="s">
        <v>873</v>
      </c>
      <c r="B874">
        <v>3761</v>
      </c>
    </row>
    <row r="875" spans="1:2" x14ac:dyDescent="0.3">
      <c r="A875" t="s">
        <v>874</v>
      </c>
      <c r="B875">
        <v>4055</v>
      </c>
    </row>
    <row r="876" spans="1:2" x14ac:dyDescent="0.3">
      <c r="A876" t="s">
        <v>875</v>
      </c>
      <c r="B876">
        <v>4305</v>
      </c>
    </row>
    <row r="877" spans="1:2" x14ac:dyDescent="0.3">
      <c r="A877" t="s">
        <v>876</v>
      </c>
      <c r="B877">
        <v>4515</v>
      </c>
    </row>
    <row r="878" spans="1:2" x14ac:dyDescent="0.3">
      <c r="A878" t="s">
        <v>877</v>
      </c>
      <c r="B878">
        <v>4690</v>
      </c>
    </row>
    <row r="879" spans="1:2" x14ac:dyDescent="0.3">
      <c r="A879" t="s">
        <v>878</v>
      </c>
      <c r="B879">
        <v>4822</v>
      </c>
    </row>
    <row r="880" spans="1:2" x14ac:dyDescent="0.3">
      <c r="A880" t="s">
        <v>879</v>
      </c>
      <c r="B880">
        <v>4915</v>
      </c>
    </row>
    <row r="881" spans="1:2" x14ac:dyDescent="0.3">
      <c r="A881" t="s">
        <v>880</v>
      </c>
      <c r="B881">
        <v>4955</v>
      </c>
    </row>
    <row r="882" spans="1:2" x14ac:dyDescent="0.3">
      <c r="A882" t="s">
        <v>881</v>
      </c>
      <c r="B882">
        <v>4947</v>
      </c>
    </row>
    <row r="883" spans="1:2" x14ac:dyDescent="0.3">
      <c r="A883" t="s">
        <v>882</v>
      </c>
      <c r="B883">
        <v>4891</v>
      </c>
    </row>
    <row r="884" spans="1:2" x14ac:dyDescent="0.3">
      <c r="A884" t="s">
        <v>883</v>
      </c>
      <c r="B884">
        <v>4801</v>
      </c>
    </row>
    <row r="885" spans="1:2" x14ac:dyDescent="0.3">
      <c r="A885" t="s">
        <v>884</v>
      </c>
      <c r="B885">
        <v>4678</v>
      </c>
    </row>
    <row r="886" spans="1:2" x14ac:dyDescent="0.3">
      <c r="A886" t="s">
        <v>885</v>
      </c>
      <c r="B886">
        <v>4493</v>
      </c>
    </row>
    <row r="887" spans="1:2" x14ac:dyDescent="0.3">
      <c r="A887" t="s">
        <v>886</v>
      </c>
      <c r="B887">
        <v>4283</v>
      </c>
    </row>
    <row r="888" spans="1:2" x14ac:dyDescent="0.3">
      <c r="A888" t="s">
        <v>887</v>
      </c>
      <c r="B888">
        <v>4053</v>
      </c>
    </row>
    <row r="889" spans="1:2" x14ac:dyDescent="0.3">
      <c r="A889" t="s">
        <v>888</v>
      </c>
      <c r="B889">
        <v>3751</v>
      </c>
    </row>
    <row r="890" spans="1:2" x14ac:dyDescent="0.3">
      <c r="A890" t="s">
        <v>889</v>
      </c>
      <c r="B890">
        <v>3424</v>
      </c>
    </row>
    <row r="891" spans="1:2" x14ac:dyDescent="0.3">
      <c r="A891" t="s">
        <v>890</v>
      </c>
      <c r="B891">
        <v>3070</v>
      </c>
    </row>
    <row r="892" spans="1:2" x14ac:dyDescent="0.3">
      <c r="A892" t="s">
        <v>891</v>
      </c>
      <c r="B892">
        <v>2690</v>
      </c>
    </row>
    <row r="893" spans="1:2" x14ac:dyDescent="0.3">
      <c r="A893" t="s">
        <v>892</v>
      </c>
      <c r="B893">
        <v>2265</v>
      </c>
    </row>
    <row r="894" spans="1:2" x14ac:dyDescent="0.3">
      <c r="A894" t="s">
        <v>893</v>
      </c>
      <c r="B894">
        <v>1312</v>
      </c>
    </row>
    <row r="895" spans="1:2" x14ac:dyDescent="0.3">
      <c r="A895" t="s">
        <v>894</v>
      </c>
      <c r="B895">
        <v>47</v>
      </c>
    </row>
    <row r="896" spans="1:2" x14ac:dyDescent="0.3">
      <c r="A896" t="s">
        <v>895</v>
      </c>
      <c r="B896">
        <v>65380</v>
      </c>
    </row>
    <row r="897" spans="1:2" x14ac:dyDescent="0.3">
      <c r="A897" t="s">
        <v>896</v>
      </c>
      <c r="B897">
        <v>65381</v>
      </c>
    </row>
    <row r="898" spans="1:2" x14ac:dyDescent="0.3">
      <c r="A898" t="s">
        <v>897</v>
      </c>
      <c r="B898">
        <v>65389</v>
      </c>
    </row>
    <row r="899" spans="1:2" x14ac:dyDescent="0.3">
      <c r="A899" t="s">
        <v>898</v>
      </c>
      <c r="B899">
        <v>65385</v>
      </c>
    </row>
    <row r="900" spans="1:2" x14ac:dyDescent="0.3">
      <c r="A900" t="s">
        <v>899</v>
      </c>
      <c r="B900">
        <v>65387</v>
      </c>
    </row>
    <row r="901" spans="1:2" x14ac:dyDescent="0.3">
      <c r="A901" t="s">
        <v>900</v>
      </c>
      <c r="B901">
        <v>65383</v>
      </c>
    </row>
    <row r="902" spans="1:2" x14ac:dyDescent="0.3">
      <c r="A902" t="s">
        <v>901</v>
      </c>
      <c r="B902">
        <v>65382</v>
      </c>
    </row>
    <row r="903" spans="1:2" x14ac:dyDescent="0.3">
      <c r="A903" t="s">
        <v>902</v>
      </c>
      <c r="B903">
        <v>65383</v>
      </c>
    </row>
    <row r="904" spans="1:2" x14ac:dyDescent="0.3">
      <c r="A904" t="s">
        <v>903</v>
      </c>
      <c r="B904">
        <v>65393</v>
      </c>
    </row>
    <row r="905" spans="1:2" x14ac:dyDescent="0.3">
      <c r="A905" t="s">
        <v>904</v>
      </c>
      <c r="B905">
        <v>65385</v>
      </c>
    </row>
    <row r="906" spans="1:2" x14ac:dyDescent="0.3">
      <c r="A906" t="s">
        <v>905</v>
      </c>
      <c r="B906">
        <v>65380</v>
      </c>
    </row>
    <row r="907" spans="1:2" x14ac:dyDescent="0.3">
      <c r="A907" t="s">
        <v>906</v>
      </c>
      <c r="B907">
        <v>65387</v>
      </c>
    </row>
    <row r="908" spans="1:2" x14ac:dyDescent="0.3">
      <c r="A908" t="s">
        <v>907</v>
      </c>
      <c r="B908">
        <v>65375</v>
      </c>
    </row>
    <row r="909" spans="1:2" x14ac:dyDescent="0.3">
      <c r="A909" t="s">
        <v>908</v>
      </c>
      <c r="B909">
        <v>65364</v>
      </c>
    </row>
    <row r="910" spans="1:2" x14ac:dyDescent="0.3">
      <c r="A910" t="s">
        <v>909</v>
      </c>
      <c r="B910">
        <v>65368</v>
      </c>
    </row>
    <row r="911" spans="1:2" x14ac:dyDescent="0.3">
      <c r="A911" t="s">
        <v>910</v>
      </c>
      <c r="B911">
        <v>65376</v>
      </c>
    </row>
    <row r="912" spans="1:2" x14ac:dyDescent="0.3">
      <c r="A912" t="s">
        <v>911</v>
      </c>
      <c r="B912">
        <v>65369</v>
      </c>
    </row>
    <row r="913" spans="1:2" x14ac:dyDescent="0.3">
      <c r="A913" t="s">
        <v>912</v>
      </c>
      <c r="B913">
        <v>65359</v>
      </c>
    </row>
    <row r="914" spans="1:2" x14ac:dyDescent="0.3">
      <c r="A914" t="s">
        <v>913</v>
      </c>
      <c r="B914">
        <v>65372</v>
      </c>
    </row>
    <row r="915" spans="1:2" x14ac:dyDescent="0.3">
      <c r="A915" t="s">
        <v>914</v>
      </c>
      <c r="B915">
        <v>65382</v>
      </c>
    </row>
    <row r="916" spans="1:2" x14ac:dyDescent="0.3">
      <c r="A916" t="s">
        <v>915</v>
      </c>
      <c r="B916">
        <v>65384</v>
      </c>
    </row>
    <row r="917" spans="1:2" x14ac:dyDescent="0.3">
      <c r="A917" t="s">
        <v>916</v>
      </c>
      <c r="B917">
        <v>65381</v>
      </c>
    </row>
    <row r="918" spans="1:2" x14ac:dyDescent="0.3">
      <c r="A918" t="s">
        <v>917</v>
      </c>
      <c r="B918">
        <v>65371</v>
      </c>
    </row>
    <row r="919" spans="1:2" x14ac:dyDescent="0.3">
      <c r="A919" t="s">
        <v>918</v>
      </c>
      <c r="B919">
        <v>65373</v>
      </c>
    </row>
    <row r="920" spans="1:2" x14ac:dyDescent="0.3">
      <c r="A920" t="s">
        <v>919</v>
      </c>
      <c r="B920">
        <v>65378</v>
      </c>
    </row>
    <row r="921" spans="1:2" x14ac:dyDescent="0.3">
      <c r="A921" t="s">
        <v>920</v>
      </c>
      <c r="B921">
        <v>65382</v>
      </c>
    </row>
    <row r="922" spans="1:2" x14ac:dyDescent="0.3">
      <c r="A922" t="s">
        <v>921</v>
      </c>
      <c r="B922">
        <v>64891</v>
      </c>
    </row>
    <row r="923" spans="1:2" x14ac:dyDescent="0.3">
      <c r="A923" t="s">
        <v>922</v>
      </c>
      <c r="B923">
        <v>62504</v>
      </c>
    </row>
    <row r="924" spans="1:2" x14ac:dyDescent="0.3">
      <c r="A924" t="s">
        <v>923</v>
      </c>
      <c r="B924">
        <v>62069</v>
      </c>
    </row>
    <row r="925" spans="1:2" x14ac:dyDescent="0.3">
      <c r="A925" t="s">
        <v>924</v>
      </c>
      <c r="B925">
        <v>62463</v>
      </c>
    </row>
    <row r="926" spans="1:2" x14ac:dyDescent="0.3">
      <c r="A926" t="s">
        <v>925</v>
      </c>
      <c r="B926">
        <v>62869</v>
      </c>
    </row>
    <row r="927" spans="1:2" x14ac:dyDescent="0.3">
      <c r="A927" t="s">
        <v>926</v>
      </c>
      <c r="B927">
        <v>63307</v>
      </c>
    </row>
    <row r="928" spans="1:2" x14ac:dyDescent="0.3">
      <c r="A928" t="s">
        <v>927</v>
      </c>
      <c r="B928">
        <v>63775</v>
      </c>
    </row>
    <row r="929" spans="1:2" x14ac:dyDescent="0.3">
      <c r="A929" t="s">
        <v>928</v>
      </c>
      <c r="B929">
        <v>64232</v>
      </c>
    </row>
    <row r="930" spans="1:2" x14ac:dyDescent="0.3">
      <c r="A930" t="s">
        <v>929</v>
      </c>
      <c r="B930">
        <v>64714</v>
      </c>
    </row>
    <row r="931" spans="1:2" x14ac:dyDescent="0.3">
      <c r="A931" t="s">
        <v>930</v>
      </c>
      <c r="B931">
        <v>65205</v>
      </c>
    </row>
    <row r="932" spans="1:2" x14ac:dyDescent="0.3">
      <c r="A932" t="s">
        <v>931</v>
      </c>
      <c r="B932">
        <v>158</v>
      </c>
    </row>
    <row r="933" spans="1:2" x14ac:dyDescent="0.3">
      <c r="A933" t="s">
        <v>932</v>
      </c>
      <c r="B933">
        <v>635</v>
      </c>
    </row>
    <row r="934" spans="1:2" x14ac:dyDescent="0.3">
      <c r="A934" t="s">
        <v>933</v>
      </c>
      <c r="B934">
        <v>1112</v>
      </c>
    </row>
    <row r="935" spans="1:2" x14ac:dyDescent="0.3">
      <c r="A935" t="s">
        <v>934</v>
      </c>
      <c r="B935">
        <v>1568</v>
      </c>
    </row>
    <row r="936" spans="1:2" x14ac:dyDescent="0.3">
      <c r="A936" t="s">
        <v>935</v>
      </c>
      <c r="B936">
        <v>2017</v>
      </c>
    </row>
    <row r="937" spans="1:2" x14ac:dyDescent="0.3">
      <c r="A937" t="s">
        <v>936</v>
      </c>
      <c r="B937">
        <v>2441</v>
      </c>
    </row>
    <row r="938" spans="1:2" x14ac:dyDescent="0.3">
      <c r="A938" t="s">
        <v>937</v>
      </c>
      <c r="B938">
        <v>2841</v>
      </c>
    </row>
    <row r="939" spans="1:2" x14ac:dyDescent="0.3">
      <c r="A939" t="s">
        <v>938</v>
      </c>
      <c r="B939">
        <v>3216</v>
      </c>
    </row>
    <row r="940" spans="1:2" x14ac:dyDescent="0.3">
      <c r="A940" t="s">
        <v>939</v>
      </c>
      <c r="B940">
        <v>3551</v>
      </c>
    </row>
    <row r="941" spans="1:2" x14ac:dyDescent="0.3">
      <c r="A941" t="s">
        <v>940</v>
      </c>
      <c r="B941">
        <v>3866</v>
      </c>
    </row>
    <row r="942" spans="1:2" x14ac:dyDescent="0.3">
      <c r="A942" t="s">
        <v>941</v>
      </c>
      <c r="B942">
        <v>4143</v>
      </c>
    </row>
    <row r="943" spans="1:2" x14ac:dyDescent="0.3">
      <c r="A943" t="s">
        <v>942</v>
      </c>
      <c r="B943">
        <v>4378</v>
      </c>
    </row>
    <row r="944" spans="1:2" x14ac:dyDescent="0.3">
      <c r="A944" t="s">
        <v>943</v>
      </c>
      <c r="B944">
        <v>4576</v>
      </c>
    </row>
    <row r="945" spans="1:2" x14ac:dyDescent="0.3">
      <c r="A945" t="s">
        <v>944</v>
      </c>
      <c r="B945">
        <v>4740</v>
      </c>
    </row>
    <row r="946" spans="1:2" x14ac:dyDescent="0.3">
      <c r="A946" t="s">
        <v>945</v>
      </c>
      <c r="B946">
        <v>4852</v>
      </c>
    </row>
    <row r="947" spans="1:2" x14ac:dyDescent="0.3">
      <c r="A947" t="s">
        <v>946</v>
      </c>
      <c r="B947">
        <v>4924</v>
      </c>
    </row>
    <row r="948" spans="1:2" x14ac:dyDescent="0.3">
      <c r="A948" t="s">
        <v>947</v>
      </c>
      <c r="B948">
        <v>4959</v>
      </c>
    </row>
    <row r="949" spans="1:2" x14ac:dyDescent="0.3">
      <c r="A949" t="s">
        <v>948</v>
      </c>
      <c r="B949">
        <v>4936</v>
      </c>
    </row>
    <row r="950" spans="1:2" x14ac:dyDescent="0.3">
      <c r="A950" t="s">
        <v>949</v>
      </c>
      <c r="B950">
        <v>4871</v>
      </c>
    </row>
    <row r="951" spans="1:2" x14ac:dyDescent="0.3">
      <c r="A951" t="s">
        <v>950</v>
      </c>
      <c r="B951">
        <v>4762</v>
      </c>
    </row>
    <row r="952" spans="1:2" x14ac:dyDescent="0.3">
      <c r="A952" t="s">
        <v>951</v>
      </c>
      <c r="B952">
        <v>4612</v>
      </c>
    </row>
    <row r="953" spans="1:2" x14ac:dyDescent="0.3">
      <c r="A953" t="s">
        <v>952</v>
      </c>
      <c r="B953">
        <v>4422</v>
      </c>
    </row>
    <row r="954" spans="1:2" x14ac:dyDescent="0.3">
      <c r="A954" t="s">
        <v>953</v>
      </c>
      <c r="B954">
        <v>4199</v>
      </c>
    </row>
    <row r="955" spans="1:2" x14ac:dyDescent="0.3">
      <c r="A955" t="s">
        <v>954</v>
      </c>
      <c r="B955">
        <v>3935</v>
      </c>
    </row>
    <row r="956" spans="1:2" x14ac:dyDescent="0.3">
      <c r="A956" t="s">
        <v>955</v>
      </c>
      <c r="B956">
        <v>3628</v>
      </c>
    </row>
    <row r="957" spans="1:2" x14ac:dyDescent="0.3">
      <c r="A957" t="s">
        <v>956</v>
      </c>
      <c r="B957">
        <v>3307</v>
      </c>
    </row>
    <row r="958" spans="1:2" x14ac:dyDescent="0.3">
      <c r="A958" t="s">
        <v>957</v>
      </c>
      <c r="B958">
        <v>2945</v>
      </c>
    </row>
    <row r="959" spans="1:2" x14ac:dyDescent="0.3">
      <c r="A959" t="s">
        <v>958</v>
      </c>
      <c r="B959">
        <v>2559</v>
      </c>
    </row>
    <row r="960" spans="1:2" x14ac:dyDescent="0.3">
      <c r="A960" t="s">
        <v>959</v>
      </c>
      <c r="B960">
        <v>2077</v>
      </c>
    </row>
    <row r="961" spans="1:2" x14ac:dyDescent="0.3">
      <c r="A961" t="s">
        <v>960</v>
      </c>
      <c r="B961">
        <v>821</v>
      </c>
    </row>
    <row r="962" spans="1:2" x14ac:dyDescent="0.3">
      <c r="A962" t="s">
        <v>961</v>
      </c>
      <c r="B962">
        <v>65432</v>
      </c>
    </row>
    <row r="963" spans="1:2" x14ac:dyDescent="0.3">
      <c r="A963" t="s">
        <v>962</v>
      </c>
      <c r="B963">
        <v>65378</v>
      </c>
    </row>
    <row r="964" spans="1:2" x14ac:dyDescent="0.3">
      <c r="A964" t="s">
        <v>963</v>
      </c>
      <c r="B964">
        <v>65382</v>
      </c>
    </row>
    <row r="965" spans="1:2" x14ac:dyDescent="0.3">
      <c r="A965" t="s">
        <v>964</v>
      </c>
      <c r="B965">
        <v>65385</v>
      </c>
    </row>
    <row r="966" spans="1:2" x14ac:dyDescent="0.3">
      <c r="A966" t="s">
        <v>965</v>
      </c>
      <c r="B966">
        <v>65380</v>
      </c>
    </row>
    <row r="967" spans="1:2" x14ac:dyDescent="0.3">
      <c r="A967" t="s">
        <v>966</v>
      </c>
      <c r="B967">
        <v>65380</v>
      </c>
    </row>
    <row r="968" spans="1:2" x14ac:dyDescent="0.3">
      <c r="A968" t="s">
        <v>967</v>
      </c>
      <c r="B968">
        <v>65386</v>
      </c>
    </row>
    <row r="969" spans="1:2" x14ac:dyDescent="0.3">
      <c r="A969" t="s">
        <v>968</v>
      </c>
      <c r="B969">
        <v>65387</v>
      </c>
    </row>
    <row r="970" spans="1:2" x14ac:dyDescent="0.3">
      <c r="A970" t="s">
        <v>969</v>
      </c>
      <c r="B970">
        <v>65379</v>
      </c>
    </row>
    <row r="971" spans="1:2" x14ac:dyDescent="0.3">
      <c r="A971" t="s">
        <v>970</v>
      </c>
      <c r="B971">
        <v>65375</v>
      </c>
    </row>
    <row r="972" spans="1:2" x14ac:dyDescent="0.3">
      <c r="A972" t="s">
        <v>971</v>
      </c>
      <c r="B972">
        <v>65376</v>
      </c>
    </row>
    <row r="973" spans="1:2" x14ac:dyDescent="0.3">
      <c r="A973" t="s">
        <v>972</v>
      </c>
      <c r="B973">
        <v>65380</v>
      </c>
    </row>
    <row r="974" spans="1:2" x14ac:dyDescent="0.3">
      <c r="A974" t="s">
        <v>973</v>
      </c>
      <c r="B974">
        <v>65382</v>
      </c>
    </row>
    <row r="975" spans="1:2" x14ac:dyDescent="0.3">
      <c r="A975" t="s">
        <v>974</v>
      </c>
      <c r="B975">
        <v>65378</v>
      </c>
    </row>
    <row r="976" spans="1:2" x14ac:dyDescent="0.3">
      <c r="A976" t="s">
        <v>975</v>
      </c>
      <c r="B976">
        <v>65376</v>
      </c>
    </row>
    <row r="977" spans="1:2" x14ac:dyDescent="0.3">
      <c r="A977" t="s">
        <v>976</v>
      </c>
      <c r="B977">
        <v>65381</v>
      </c>
    </row>
    <row r="978" spans="1:2" x14ac:dyDescent="0.3">
      <c r="A978" t="s">
        <v>977</v>
      </c>
      <c r="B978">
        <v>65385</v>
      </c>
    </row>
    <row r="979" spans="1:2" x14ac:dyDescent="0.3">
      <c r="A979" t="s">
        <v>978</v>
      </c>
      <c r="B979">
        <v>65381</v>
      </c>
    </row>
    <row r="980" spans="1:2" x14ac:dyDescent="0.3">
      <c r="A980" t="s">
        <v>979</v>
      </c>
      <c r="B980">
        <v>65376</v>
      </c>
    </row>
    <row r="981" spans="1:2" x14ac:dyDescent="0.3">
      <c r="A981" t="s">
        <v>980</v>
      </c>
      <c r="B981">
        <v>65368</v>
      </c>
    </row>
    <row r="982" spans="1:2" x14ac:dyDescent="0.3">
      <c r="A982" t="s">
        <v>981</v>
      </c>
      <c r="B982">
        <v>65378</v>
      </c>
    </row>
    <row r="983" spans="1:2" x14ac:dyDescent="0.3">
      <c r="A983" t="s">
        <v>982</v>
      </c>
      <c r="B983">
        <v>65392</v>
      </c>
    </row>
    <row r="984" spans="1:2" x14ac:dyDescent="0.3">
      <c r="A984" t="s">
        <v>983</v>
      </c>
      <c r="B984">
        <v>65391</v>
      </c>
    </row>
    <row r="985" spans="1:2" x14ac:dyDescent="0.3">
      <c r="A985" t="s">
        <v>984</v>
      </c>
      <c r="B985">
        <v>65379</v>
      </c>
    </row>
    <row r="986" spans="1:2" x14ac:dyDescent="0.3">
      <c r="A986" t="s">
        <v>985</v>
      </c>
      <c r="B986">
        <v>65374</v>
      </c>
    </row>
    <row r="987" spans="1:2" x14ac:dyDescent="0.3">
      <c r="A987" t="s">
        <v>986</v>
      </c>
      <c r="B987">
        <v>65379</v>
      </c>
    </row>
    <row r="988" spans="1:2" x14ac:dyDescent="0.3">
      <c r="A988" t="s">
        <v>987</v>
      </c>
      <c r="B988">
        <v>65378</v>
      </c>
    </row>
    <row r="989" spans="1:2" x14ac:dyDescent="0.3">
      <c r="A989" t="s">
        <v>988</v>
      </c>
      <c r="B989">
        <v>64402</v>
      </c>
    </row>
    <row r="990" spans="1:2" x14ac:dyDescent="0.3">
      <c r="A990" t="s">
        <v>989</v>
      </c>
      <c r="B990">
        <v>62174</v>
      </c>
    </row>
    <row r="991" spans="1:2" x14ac:dyDescent="0.3">
      <c r="A991" t="s">
        <v>990</v>
      </c>
      <c r="B991">
        <v>62193</v>
      </c>
    </row>
    <row r="992" spans="1:2" x14ac:dyDescent="0.3">
      <c r="A992" t="s">
        <v>991</v>
      </c>
      <c r="B992">
        <v>62586</v>
      </c>
    </row>
    <row r="993" spans="1:2" x14ac:dyDescent="0.3">
      <c r="A993" t="s">
        <v>992</v>
      </c>
      <c r="B993">
        <v>63019</v>
      </c>
    </row>
    <row r="994" spans="1:2" x14ac:dyDescent="0.3">
      <c r="A994" t="s">
        <v>993</v>
      </c>
      <c r="B994">
        <v>63478</v>
      </c>
    </row>
    <row r="995" spans="1:2" x14ac:dyDescent="0.3">
      <c r="A995" t="s">
        <v>994</v>
      </c>
      <c r="B995">
        <v>63937</v>
      </c>
    </row>
    <row r="996" spans="1:2" x14ac:dyDescent="0.3">
      <c r="A996" t="s">
        <v>995</v>
      </c>
      <c r="B996">
        <v>64411</v>
      </c>
    </row>
    <row r="997" spans="1:2" x14ac:dyDescent="0.3">
      <c r="A997" t="s">
        <v>996</v>
      </c>
      <c r="B997">
        <v>64889</v>
      </c>
    </row>
    <row r="998" spans="1:2" x14ac:dyDescent="0.3">
      <c r="A998" t="s">
        <v>997</v>
      </c>
      <c r="B998">
        <v>65378</v>
      </c>
    </row>
    <row r="999" spans="1:2" x14ac:dyDescent="0.3">
      <c r="A999" t="s">
        <v>998</v>
      </c>
      <c r="B999">
        <v>330</v>
      </c>
    </row>
    <row r="1000" spans="1:2" x14ac:dyDescent="0.3">
      <c r="A1000" t="s">
        <v>999</v>
      </c>
      <c r="B1000">
        <v>810</v>
      </c>
    </row>
  </sheetData>
  <pageMargins left="0.7" right="0.7" top="0.75" bottom="0.75" header="0.3" footer="0.3"/>
  <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30AB371-4956-474F-B192-5E83C364172A}">
  <ds:schemaRefs/>
</ds:datastoreItem>
</file>

<file path=customXml/itemProps2.xml><?xml version="1.0" encoding="utf-8"?>
<ds:datastoreItem xmlns:ds="http://schemas.openxmlformats.org/officeDocument/2006/customXml" ds:itemID="{33AFE24D-024C-4D19-9BBA-2FD568CDA0A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3</vt:i4>
      </vt:variant>
    </vt:vector>
  </HeadingPairs>
  <TitlesOfParts>
    <vt:vector size="3" baseType="lpstr">
      <vt:lpstr>sheet1</vt:lpstr>
      <vt:lpstr>Sheet3</vt:lpstr>
      <vt:lpstr>Sheet4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4-06-12T18:30:07Z</dcterms:created>
  <dcterms:modified xsi:type="dcterms:W3CDTF">2024-06-17T11:34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1853002274916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